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slides/slide5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notesSlides/notesSlide35.xml" ContentType="application/vnd.openxmlformats-officedocument.presentationml.notesSlide+xml"/>
  <Override PartName="/ppt/changesInfos/changesInfo1.xml" ContentType="application/vnd.ms-powerpoint.changes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autoCompressPictures="0">
  <p:sldMasterIdLst>
    <p:sldMasterId id="2147483669" r:id="rId27"/>
    <p:sldMasterId id="2147483683" r:id="rId28"/>
  </p:sldMasterIdLst>
  <p:notesMasterIdLst>
    <p:notesMasterId r:id="rId80"/>
  </p:notesMasterIdLst>
  <p:sldIdLst>
    <p:sldId id="262" r:id="rId29"/>
    <p:sldId id="267" r:id="rId30"/>
    <p:sldId id="268" r:id="rId31"/>
    <p:sldId id="283" r:id="rId32"/>
    <p:sldId id="269" r:id="rId33"/>
    <p:sldId id="270" r:id="rId34"/>
    <p:sldId id="263" r:id="rId35"/>
    <p:sldId id="277" r:id="rId36"/>
    <p:sldId id="271" r:id="rId37"/>
    <p:sldId id="286" r:id="rId38"/>
    <p:sldId id="285" r:id="rId39"/>
    <p:sldId id="287" r:id="rId40"/>
    <p:sldId id="288" r:id="rId41"/>
    <p:sldId id="289" r:id="rId42"/>
    <p:sldId id="291" r:id="rId43"/>
    <p:sldId id="290" r:id="rId44"/>
    <p:sldId id="273" r:id="rId45"/>
    <p:sldId id="281" r:id="rId46"/>
    <p:sldId id="274" r:id="rId47"/>
    <p:sldId id="275" r:id="rId48"/>
    <p:sldId id="276" r:id="rId49"/>
    <p:sldId id="278" r:id="rId50"/>
    <p:sldId id="280" r:id="rId51"/>
    <p:sldId id="279" r:id="rId52"/>
    <p:sldId id="282" r:id="rId53"/>
    <p:sldId id="293" r:id="rId54"/>
    <p:sldId id="295" r:id="rId55"/>
    <p:sldId id="296" r:id="rId56"/>
    <p:sldId id="297" r:id="rId57"/>
    <p:sldId id="544" r:id="rId58"/>
    <p:sldId id="536" r:id="rId59"/>
    <p:sldId id="392" r:id="rId60"/>
    <p:sldId id="538" r:id="rId61"/>
    <p:sldId id="386" r:id="rId62"/>
    <p:sldId id="387" r:id="rId63"/>
    <p:sldId id="540" r:id="rId64"/>
    <p:sldId id="393" r:id="rId65"/>
    <p:sldId id="545" r:id="rId66"/>
    <p:sldId id="546" r:id="rId67"/>
    <p:sldId id="394" r:id="rId68"/>
    <p:sldId id="547" r:id="rId69"/>
    <p:sldId id="548" r:id="rId70"/>
    <p:sldId id="395" r:id="rId71"/>
    <p:sldId id="541" r:id="rId72"/>
    <p:sldId id="406" r:id="rId73"/>
    <p:sldId id="396" r:id="rId74"/>
    <p:sldId id="405" r:id="rId75"/>
    <p:sldId id="549" r:id="rId76"/>
    <p:sldId id="550" r:id="rId77"/>
    <p:sldId id="551" r:id="rId78"/>
    <p:sldId id="552" r:id="rId79"/>
  </p:sldIdLst>
  <p:sldSz cx="9144000" cy="5143500" type="screen16x9"/>
  <p:notesSz cx="6858000" cy="9144000"/>
  <p:defaultTextStyle>
    <a:defPPr>
      <a:defRPr lang="nl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Standaardsectie" id="{FF91373B-2B4A-47F3-94BD-A0D5DD07E44C}">
          <p14:sldIdLst>
            <p14:sldId id="262"/>
            <p14:sldId id="267"/>
          </p14:sldIdLst>
        </p14:section>
        <p14:section name="Toezichtcyclus" id="{AFAD204A-F952-4B11-B97B-94C83635ACC0}">
          <p14:sldIdLst>
            <p14:sldId id="268"/>
            <p14:sldId id="283"/>
            <p14:sldId id="269"/>
            <p14:sldId id="270"/>
            <p14:sldId id="263"/>
            <p14:sldId id="277"/>
            <p14:sldId id="271"/>
          </p14:sldIdLst>
        </p14:section>
        <p14:section name="SII herziening: algemeen" id="{649EBA42-A935-424A-B072-FE470BD8CCAC}">
          <p14:sldIdLst>
            <p14:sldId id="286"/>
            <p14:sldId id="285"/>
            <p14:sldId id="287"/>
            <p14:sldId id="288"/>
            <p14:sldId id="289"/>
            <p14:sldId id="291"/>
            <p14:sldId id="290"/>
          </p14:sldIdLst>
        </p14:section>
        <p14:section name="SII herziening: proportionaliteit" id="{4BD3DAFB-D551-4E2C-81BF-D2864F6C46FE}">
          <p14:sldIdLst>
            <p14:sldId id="273"/>
            <p14:sldId id="281"/>
            <p14:sldId id="274"/>
            <p14:sldId id="275"/>
            <p14:sldId id="276"/>
            <p14:sldId id="278"/>
            <p14:sldId id="280"/>
            <p14:sldId id="279"/>
            <p14:sldId id="282"/>
          </p14:sldIdLst>
        </p14:section>
        <p14:section name="IB en DORA" id="{96E3EE39-5059-45FC-9DF4-7E752BA10792}">
          <p14:sldIdLst>
            <p14:sldId id="293"/>
            <p14:sldId id="295"/>
            <p14:sldId id="296"/>
            <p14:sldId id="297"/>
            <p14:sldId id="544"/>
            <p14:sldId id="536"/>
            <p14:sldId id="392"/>
            <p14:sldId id="538"/>
            <p14:sldId id="386"/>
            <p14:sldId id="387"/>
            <p14:sldId id="540"/>
            <p14:sldId id="393"/>
            <p14:sldId id="545"/>
            <p14:sldId id="546"/>
            <p14:sldId id="394"/>
            <p14:sldId id="547"/>
            <p14:sldId id="548"/>
            <p14:sldId id="395"/>
            <p14:sldId id="541"/>
            <p14:sldId id="406"/>
            <p14:sldId id="396"/>
            <p14:sldId id="405"/>
            <p14:sldId id="549"/>
            <p14:sldId id="550"/>
            <p14:sldId id="551"/>
            <p14:sldId id="552"/>
          </p14:sldIdLst>
        </p14:section>
      </p14:sectionLst>
    </p:ext>
    <p:ext uri="{EFAFB233-063F-42B5-8137-9DF3F51BA10A}">
      <p15:sldGuideLst xmlns:p15="http://schemas.microsoft.com/office/powerpoint/2012/main">
        <p15:guide id="1" orient="horz" pos="2164" userDrawn="1">
          <p15:clr>
            <a:srgbClr val="A4A3A4"/>
          </p15:clr>
        </p15:guide>
        <p15:guide id="2" pos="2880" userDrawn="1">
          <p15:clr>
            <a:srgbClr val="A4A3A4"/>
          </p15:clr>
        </p15:guide>
        <p15:guide id="3" orient="horz" pos="1620">
          <p15:clr>
            <a:srgbClr val="A4A3A4"/>
          </p15:clr>
        </p15:guide>
      </p15:sld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C63B0D6E-F58D-EE13-B410-625E7A844617}" name="Graaf, T.C.D. van de (Tim) (TV_SZV)" initials="TG" userId="S::t.c.d.van.de.graaf@dnb.nl::b210a36d-96bf-4faa-a100-09ca5f208414" providerId="AD"/>
  <p188:author id="{41D8F893-77AD-48EF-DE05-3269B413CDCF}" name="Ploegmakers, R.H.J. (Roel) (TV_SZV)" initials="RP" userId="S::r.h.j.ploegmakers@dnb.nl::0fb9d3ad-3e94-4b1b-ab34-492cdc785176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B54F5"/>
    <a:srgbClr val="F5B5B5"/>
    <a:srgbClr val="C9E9FE"/>
    <a:srgbClr val="E85E5C"/>
    <a:srgbClr val="F08785"/>
    <a:srgbClr val="94E5BA"/>
    <a:srgbClr val="99E7B7"/>
    <a:srgbClr val="4AD480"/>
    <a:srgbClr val="578BF7"/>
    <a:srgbClr val="73C2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Stijl, gemiddeld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  <a:tblStyle styleId="{7DF18680-E054-41AD-8BC1-D1AEF772440D}" styleName="Medium Style 2 - Accent 5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5">
              <a:tint val="20000"/>
            </a:schemeClr>
          </a:solidFill>
        </a:fill>
      </a:tcStyle>
    </a:wholeTbl>
    <a:band1H>
      <a:tcStyle>
        <a:tcBdr/>
        <a:fill>
          <a:solidFill>
            <a:schemeClr val="accent5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5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5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5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5"/>
          </a:solidFill>
        </a:fill>
      </a:tcStyle>
    </a:firstRow>
  </a:tblStyle>
  <a:tblStyle styleId="{93296810-A885-4BE3-A3E7-6D5BEEA58F35}" styleName="Medium Style 2 - Accent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5352" autoAdjust="0"/>
  </p:normalViewPr>
  <p:slideViewPr>
    <p:cSldViewPr snapToGrid="0">
      <p:cViewPr varScale="1">
        <p:scale>
          <a:sx n="134" d="100"/>
          <a:sy n="134" d="100"/>
        </p:scale>
        <p:origin x="348" y="120"/>
      </p:cViewPr>
      <p:guideLst>
        <p:guide orient="horz" pos="2164"/>
        <p:guide pos="2880"/>
        <p:guide orient="horz" pos="1620"/>
      </p:guideLst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slide" Target="slides/slide14.xml"/><Relationship Id="rId47" Type="http://schemas.openxmlformats.org/officeDocument/2006/relationships/slide" Target="slides/slide19.xml"/><Relationship Id="rId63" Type="http://schemas.openxmlformats.org/officeDocument/2006/relationships/slide" Target="slides/slide35.xml"/><Relationship Id="rId68" Type="http://schemas.openxmlformats.org/officeDocument/2006/relationships/slide" Target="slides/slide40.xml"/><Relationship Id="rId84" Type="http://schemas.openxmlformats.org/officeDocument/2006/relationships/tableStyles" Target="tableStyles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32" Type="http://schemas.openxmlformats.org/officeDocument/2006/relationships/slide" Target="slides/slide4.xml"/><Relationship Id="rId37" Type="http://schemas.openxmlformats.org/officeDocument/2006/relationships/slide" Target="slides/slide9.xml"/><Relationship Id="rId53" Type="http://schemas.openxmlformats.org/officeDocument/2006/relationships/slide" Target="slides/slide25.xml"/><Relationship Id="rId58" Type="http://schemas.openxmlformats.org/officeDocument/2006/relationships/slide" Target="slides/slide30.xml"/><Relationship Id="rId74" Type="http://schemas.openxmlformats.org/officeDocument/2006/relationships/slide" Target="slides/slide46.xml"/><Relationship Id="rId79" Type="http://schemas.openxmlformats.org/officeDocument/2006/relationships/slide" Target="slides/slide51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Master" Target="slideMasters/slideMaster1.xml"/><Relationship Id="rId30" Type="http://schemas.openxmlformats.org/officeDocument/2006/relationships/slide" Target="slides/slide2.xml"/><Relationship Id="rId35" Type="http://schemas.openxmlformats.org/officeDocument/2006/relationships/slide" Target="slides/slide7.xml"/><Relationship Id="rId43" Type="http://schemas.openxmlformats.org/officeDocument/2006/relationships/slide" Target="slides/slide15.xml"/><Relationship Id="rId48" Type="http://schemas.openxmlformats.org/officeDocument/2006/relationships/slide" Target="slides/slide20.xml"/><Relationship Id="rId56" Type="http://schemas.openxmlformats.org/officeDocument/2006/relationships/slide" Target="slides/slide28.xml"/><Relationship Id="rId64" Type="http://schemas.openxmlformats.org/officeDocument/2006/relationships/slide" Target="slides/slide36.xml"/><Relationship Id="rId69" Type="http://schemas.openxmlformats.org/officeDocument/2006/relationships/slide" Target="slides/slide41.xml"/><Relationship Id="rId77" Type="http://schemas.openxmlformats.org/officeDocument/2006/relationships/slide" Target="slides/slide49.xml"/><Relationship Id="rId8" Type="http://schemas.openxmlformats.org/officeDocument/2006/relationships/customXml" Target="../customXml/item8.xml"/><Relationship Id="rId51" Type="http://schemas.openxmlformats.org/officeDocument/2006/relationships/slide" Target="slides/slide23.xml"/><Relationship Id="rId72" Type="http://schemas.openxmlformats.org/officeDocument/2006/relationships/slide" Target="slides/slide44.xml"/><Relationship Id="rId80" Type="http://schemas.openxmlformats.org/officeDocument/2006/relationships/notesMaster" Target="notesMasters/notesMaster1.xml"/><Relationship Id="rId85" Type="http://schemas.microsoft.com/office/2016/11/relationships/changesInfo" Target="changesInfos/changesInfo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5.xml"/><Relationship Id="rId38" Type="http://schemas.openxmlformats.org/officeDocument/2006/relationships/slide" Target="slides/slide10.xml"/><Relationship Id="rId46" Type="http://schemas.openxmlformats.org/officeDocument/2006/relationships/slide" Target="slides/slide18.xml"/><Relationship Id="rId59" Type="http://schemas.openxmlformats.org/officeDocument/2006/relationships/slide" Target="slides/slide31.xml"/><Relationship Id="rId67" Type="http://schemas.openxmlformats.org/officeDocument/2006/relationships/slide" Target="slides/slide39.xml"/><Relationship Id="rId20" Type="http://schemas.openxmlformats.org/officeDocument/2006/relationships/customXml" Target="../customXml/item20.xml"/><Relationship Id="rId41" Type="http://schemas.openxmlformats.org/officeDocument/2006/relationships/slide" Target="slides/slide13.xml"/><Relationship Id="rId54" Type="http://schemas.openxmlformats.org/officeDocument/2006/relationships/slide" Target="slides/slide26.xml"/><Relationship Id="rId62" Type="http://schemas.openxmlformats.org/officeDocument/2006/relationships/slide" Target="slides/slide34.xml"/><Relationship Id="rId70" Type="http://schemas.openxmlformats.org/officeDocument/2006/relationships/slide" Target="slides/slide42.xml"/><Relationship Id="rId75" Type="http://schemas.openxmlformats.org/officeDocument/2006/relationships/slide" Target="slides/slide47.xml"/><Relationship Id="rId83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2.xml"/><Relationship Id="rId36" Type="http://schemas.openxmlformats.org/officeDocument/2006/relationships/slide" Target="slides/slide8.xml"/><Relationship Id="rId49" Type="http://schemas.openxmlformats.org/officeDocument/2006/relationships/slide" Target="slides/slide21.xml"/><Relationship Id="rId57" Type="http://schemas.openxmlformats.org/officeDocument/2006/relationships/slide" Target="slides/slide29.xml"/><Relationship Id="rId10" Type="http://schemas.openxmlformats.org/officeDocument/2006/relationships/customXml" Target="../customXml/item10.xml"/><Relationship Id="rId31" Type="http://schemas.openxmlformats.org/officeDocument/2006/relationships/slide" Target="slides/slide3.xml"/><Relationship Id="rId44" Type="http://schemas.openxmlformats.org/officeDocument/2006/relationships/slide" Target="slides/slide16.xml"/><Relationship Id="rId52" Type="http://schemas.openxmlformats.org/officeDocument/2006/relationships/slide" Target="slides/slide24.xml"/><Relationship Id="rId60" Type="http://schemas.openxmlformats.org/officeDocument/2006/relationships/slide" Target="slides/slide32.xml"/><Relationship Id="rId65" Type="http://schemas.openxmlformats.org/officeDocument/2006/relationships/slide" Target="slides/slide37.xml"/><Relationship Id="rId73" Type="http://schemas.openxmlformats.org/officeDocument/2006/relationships/slide" Target="slides/slide45.xml"/><Relationship Id="rId78" Type="http://schemas.openxmlformats.org/officeDocument/2006/relationships/slide" Target="slides/slide50.xml"/><Relationship Id="rId81" Type="http://schemas.openxmlformats.org/officeDocument/2006/relationships/presProps" Target="presProps.xml"/><Relationship Id="rId86" Type="http://schemas.microsoft.com/office/2018/10/relationships/authors" Target="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" Target="slides/slide11.xml"/><Relationship Id="rId34" Type="http://schemas.openxmlformats.org/officeDocument/2006/relationships/slide" Target="slides/slide6.xml"/><Relationship Id="rId50" Type="http://schemas.openxmlformats.org/officeDocument/2006/relationships/slide" Target="slides/slide22.xml"/><Relationship Id="rId55" Type="http://schemas.openxmlformats.org/officeDocument/2006/relationships/slide" Target="slides/slide27.xml"/><Relationship Id="rId76" Type="http://schemas.openxmlformats.org/officeDocument/2006/relationships/slide" Target="slides/slide48.xml"/><Relationship Id="rId7" Type="http://schemas.openxmlformats.org/officeDocument/2006/relationships/customXml" Target="../customXml/item7.xml"/><Relationship Id="rId71" Type="http://schemas.openxmlformats.org/officeDocument/2006/relationships/slide" Target="slides/slide43.xml"/><Relationship Id="rId2" Type="http://schemas.openxmlformats.org/officeDocument/2006/relationships/customXml" Target="../customXml/item2.xml"/><Relationship Id="rId29" Type="http://schemas.openxmlformats.org/officeDocument/2006/relationships/slide" Target="slides/slide1.xml"/><Relationship Id="rId24" Type="http://schemas.openxmlformats.org/officeDocument/2006/relationships/customXml" Target="../customXml/item24.xml"/><Relationship Id="rId40" Type="http://schemas.openxmlformats.org/officeDocument/2006/relationships/slide" Target="slides/slide12.xml"/><Relationship Id="rId45" Type="http://schemas.openxmlformats.org/officeDocument/2006/relationships/slide" Target="slides/slide17.xml"/><Relationship Id="rId66" Type="http://schemas.openxmlformats.org/officeDocument/2006/relationships/slide" Target="slides/slide38.xml"/><Relationship Id="rId61" Type="http://schemas.openxmlformats.org/officeDocument/2006/relationships/slide" Target="slides/slide33.xml"/><Relationship Id="rId82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Tim Graaf, T.C.D. van de" userId="b210a36d-96bf-4faa-a100-09ca5f208414" providerId="ADAL" clId="{1382AACF-505C-43F5-BAAD-E1AB8B6AD585}"/>
    <pc:docChg chg="modSld">
      <pc:chgData name="Tim Graaf, T.C.D. van de" userId="b210a36d-96bf-4faa-a100-09ca5f208414" providerId="ADAL" clId="{1382AACF-505C-43F5-BAAD-E1AB8B6AD585}" dt="2024-07-11T12:35:55.283" v="34" actId="20577"/>
      <pc:docMkLst>
        <pc:docMk/>
      </pc:docMkLst>
      <pc:sldChg chg="modNotesTx">
        <pc:chgData name="Tim Graaf, T.C.D. van de" userId="b210a36d-96bf-4faa-a100-09ca5f208414" providerId="ADAL" clId="{1382AACF-505C-43F5-BAAD-E1AB8B6AD585}" dt="2024-07-11T12:34:33.663" v="3" actId="20577"/>
        <pc:sldMkLst>
          <pc:docMk/>
          <pc:sldMk cId="2066146231" sldId="263"/>
        </pc:sldMkLst>
      </pc:sldChg>
      <pc:sldChg chg="modNotesTx">
        <pc:chgData name="Tim Graaf, T.C.D. van de" userId="b210a36d-96bf-4faa-a100-09ca5f208414" providerId="ADAL" clId="{1382AACF-505C-43F5-BAAD-E1AB8B6AD585}" dt="2024-07-11T12:34:27.836" v="1" actId="20577"/>
        <pc:sldMkLst>
          <pc:docMk/>
          <pc:sldMk cId="1163821806" sldId="269"/>
        </pc:sldMkLst>
      </pc:sldChg>
      <pc:sldChg chg="modNotesTx">
        <pc:chgData name="Tim Graaf, T.C.D. van de" userId="b210a36d-96bf-4faa-a100-09ca5f208414" providerId="ADAL" clId="{1382AACF-505C-43F5-BAAD-E1AB8B6AD585}" dt="2024-07-11T12:34:30.732" v="2" actId="20577"/>
        <pc:sldMkLst>
          <pc:docMk/>
          <pc:sldMk cId="1268542576" sldId="270"/>
        </pc:sldMkLst>
      </pc:sldChg>
      <pc:sldChg chg="modNotesTx">
        <pc:chgData name="Tim Graaf, T.C.D. van de" userId="b210a36d-96bf-4faa-a100-09ca5f208414" providerId="ADAL" clId="{1382AACF-505C-43F5-BAAD-E1AB8B6AD585}" dt="2024-07-11T12:34:36.937" v="4" actId="20577"/>
        <pc:sldMkLst>
          <pc:docMk/>
          <pc:sldMk cId="1692255342" sldId="277"/>
        </pc:sldMkLst>
      </pc:sldChg>
      <pc:sldChg chg="modNotesTx">
        <pc:chgData name="Tim Graaf, T.C.D. van de" userId="b210a36d-96bf-4faa-a100-09ca5f208414" providerId="ADAL" clId="{1382AACF-505C-43F5-BAAD-E1AB8B6AD585}" dt="2024-07-11T12:34:24.923" v="0" actId="20577"/>
        <pc:sldMkLst>
          <pc:docMk/>
          <pc:sldMk cId="1674451416" sldId="283"/>
        </pc:sldMkLst>
      </pc:sldChg>
      <pc:sldChg chg="modNotesTx">
        <pc:chgData name="Tim Graaf, T.C.D. van de" userId="b210a36d-96bf-4faa-a100-09ca5f208414" providerId="ADAL" clId="{1382AACF-505C-43F5-BAAD-E1AB8B6AD585}" dt="2024-07-11T12:34:57.296" v="5" actId="20577"/>
        <pc:sldMkLst>
          <pc:docMk/>
          <pc:sldMk cId="3788781166" sldId="295"/>
        </pc:sldMkLst>
      </pc:sldChg>
      <pc:sldChg chg="modNotesTx">
        <pc:chgData name="Tim Graaf, T.C.D. van de" userId="b210a36d-96bf-4faa-a100-09ca5f208414" providerId="ADAL" clId="{1382AACF-505C-43F5-BAAD-E1AB8B6AD585}" dt="2024-07-11T12:34:59.885" v="6" actId="20577"/>
        <pc:sldMkLst>
          <pc:docMk/>
          <pc:sldMk cId="639474950" sldId="296"/>
        </pc:sldMkLst>
      </pc:sldChg>
      <pc:sldChg chg="modNotesTx">
        <pc:chgData name="Tim Graaf, T.C.D. van de" userId="b210a36d-96bf-4faa-a100-09ca5f208414" providerId="ADAL" clId="{1382AACF-505C-43F5-BAAD-E1AB8B6AD585}" dt="2024-07-11T12:35:01.798" v="7" actId="20577"/>
        <pc:sldMkLst>
          <pc:docMk/>
          <pc:sldMk cId="1962674984" sldId="297"/>
        </pc:sldMkLst>
      </pc:sldChg>
      <pc:sldChg chg="modNotesTx">
        <pc:chgData name="Tim Graaf, T.C.D. van de" userId="b210a36d-96bf-4faa-a100-09ca5f208414" providerId="ADAL" clId="{1382AACF-505C-43F5-BAAD-E1AB8B6AD585}" dt="2024-07-11T12:35:10.057" v="11" actId="20577"/>
        <pc:sldMkLst>
          <pc:docMk/>
          <pc:sldMk cId="3331173588" sldId="392"/>
        </pc:sldMkLst>
      </pc:sldChg>
      <pc:sldChg chg="modNotesTx">
        <pc:chgData name="Tim Graaf, T.C.D. van de" userId="b210a36d-96bf-4faa-a100-09ca5f208414" providerId="ADAL" clId="{1382AACF-505C-43F5-BAAD-E1AB8B6AD585}" dt="2024-07-11T12:35:21.768" v="16" actId="20577"/>
        <pc:sldMkLst>
          <pc:docMk/>
          <pc:sldMk cId="3520618386" sldId="393"/>
        </pc:sldMkLst>
      </pc:sldChg>
      <pc:sldChg chg="modNotesTx">
        <pc:chgData name="Tim Graaf, T.C.D. van de" userId="b210a36d-96bf-4faa-a100-09ca5f208414" providerId="ADAL" clId="{1382AACF-505C-43F5-BAAD-E1AB8B6AD585}" dt="2024-07-11T12:35:28.103" v="19" actId="20577"/>
        <pc:sldMkLst>
          <pc:docMk/>
          <pc:sldMk cId="3449754265" sldId="394"/>
        </pc:sldMkLst>
      </pc:sldChg>
      <pc:sldChg chg="modNotesTx">
        <pc:chgData name="Tim Graaf, T.C.D. van de" userId="b210a36d-96bf-4faa-a100-09ca5f208414" providerId="ADAL" clId="{1382AACF-505C-43F5-BAAD-E1AB8B6AD585}" dt="2024-07-11T12:35:39.999" v="26" actId="20577"/>
        <pc:sldMkLst>
          <pc:docMk/>
          <pc:sldMk cId="1906916282" sldId="395"/>
        </pc:sldMkLst>
      </pc:sldChg>
      <pc:sldChg chg="modNotesTx">
        <pc:chgData name="Tim Graaf, T.C.D. van de" userId="b210a36d-96bf-4faa-a100-09ca5f208414" providerId="ADAL" clId="{1382AACF-505C-43F5-BAAD-E1AB8B6AD585}" dt="2024-07-11T12:35:51.156" v="33" actId="20577"/>
        <pc:sldMkLst>
          <pc:docMk/>
          <pc:sldMk cId="2117756486" sldId="396"/>
        </pc:sldMkLst>
      </pc:sldChg>
      <pc:sldChg chg="modNotesTx">
        <pc:chgData name="Tim Graaf, T.C.D. van de" userId="b210a36d-96bf-4faa-a100-09ca5f208414" providerId="ADAL" clId="{1382AACF-505C-43F5-BAAD-E1AB8B6AD585}" dt="2024-07-11T12:35:48.053" v="32" actId="20577"/>
        <pc:sldMkLst>
          <pc:docMk/>
          <pc:sldMk cId="1329025498" sldId="406"/>
        </pc:sldMkLst>
      </pc:sldChg>
      <pc:sldChg chg="modNotesTx">
        <pc:chgData name="Tim Graaf, T.C.D. van de" userId="b210a36d-96bf-4faa-a100-09ca5f208414" providerId="ADAL" clId="{1382AACF-505C-43F5-BAAD-E1AB8B6AD585}" dt="2024-07-11T12:35:07.265" v="10" actId="20577"/>
        <pc:sldMkLst>
          <pc:docMk/>
          <pc:sldMk cId="2892739631" sldId="536"/>
        </pc:sldMkLst>
      </pc:sldChg>
      <pc:sldChg chg="modNotesTx">
        <pc:chgData name="Tim Graaf, T.C.D. van de" userId="b210a36d-96bf-4faa-a100-09ca5f208414" providerId="ADAL" clId="{1382AACF-505C-43F5-BAAD-E1AB8B6AD585}" dt="2024-07-11T12:35:12.738" v="12" actId="20577"/>
        <pc:sldMkLst>
          <pc:docMk/>
          <pc:sldMk cId="2491258197" sldId="538"/>
        </pc:sldMkLst>
      </pc:sldChg>
      <pc:sldChg chg="modNotesTx">
        <pc:chgData name="Tim Graaf, T.C.D. van de" userId="b210a36d-96bf-4faa-a100-09ca5f208414" providerId="ADAL" clId="{1382AACF-505C-43F5-BAAD-E1AB8B6AD585}" dt="2024-07-11T12:35:20.333" v="15" actId="20577"/>
        <pc:sldMkLst>
          <pc:docMk/>
          <pc:sldMk cId="2245116996" sldId="540"/>
        </pc:sldMkLst>
      </pc:sldChg>
      <pc:sldChg chg="modNotesTx">
        <pc:chgData name="Tim Graaf, T.C.D. van de" userId="b210a36d-96bf-4faa-a100-09ca5f208414" providerId="ADAL" clId="{1382AACF-505C-43F5-BAAD-E1AB8B6AD585}" dt="2024-07-11T12:35:42.210" v="27" actId="20577"/>
        <pc:sldMkLst>
          <pc:docMk/>
          <pc:sldMk cId="1826849070" sldId="541"/>
        </pc:sldMkLst>
      </pc:sldChg>
      <pc:sldChg chg="modNotesTx">
        <pc:chgData name="Tim Graaf, T.C.D. van de" userId="b210a36d-96bf-4faa-a100-09ca5f208414" providerId="ADAL" clId="{1382AACF-505C-43F5-BAAD-E1AB8B6AD585}" dt="2024-07-11T12:35:05.028" v="9" actId="20577"/>
        <pc:sldMkLst>
          <pc:docMk/>
          <pc:sldMk cId="698485643" sldId="544"/>
        </pc:sldMkLst>
      </pc:sldChg>
      <pc:sldChg chg="modNotesTx">
        <pc:chgData name="Tim Graaf, T.C.D. van de" userId="b210a36d-96bf-4faa-a100-09ca5f208414" providerId="ADAL" clId="{1382AACF-505C-43F5-BAAD-E1AB8B6AD585}" dt="2024-07-11T12:35:24.818" v="18" actId="20577"/>
        <pc:sldMkLst>
          <pc:docMk/>
          <pc:sldMk cId="3567048328" sldId="545"/>
        </pc:sldMkLst>
      </pc:sldChg>
      <pc:sldChg chg="modNotesTx">
        <pc:chgData name="Tim Graaf, T.C.D. van de" userId="b210a36d-96bf-4faa-a100-09ca5f208414" providerId="ADAL" clId="{1382AACF-505C-43F5-BAAD-E1AB8B6AD585}" dt="2024-07-11T12:35:29.613" v="20" actId="20577"/>
        <pc:sldMkLst>
          <pc:docMk/>
          <pc:sldMk cId="1510713617" sldId="547"/>
        </pc:sldMkLst>
      </pc:sldChg>
      <pc:sldChg chg="modNotesTx">
        <pc:chgData name="Tim Graaf, T.C.D. van de" userId="b210a36d-96bf-4faa-a100-09ca5f208414" providerId="ADAL" clId="{1382AACF-505C-43F5-BAAD-E1AB8B6AD585}" dt="2024-07-11T12:35:36.249" v="25" actId="20577"/>
        <pc:sldMkLst>
          <pc:docMk/>
          <pc:sldMk cId="2803215205" sldId="548"/>
        </pc:sldMkLst>
      </pc:sldChg>
      <pc:sldChg chg="modNotesTx">
        <pc:chgData name="Tim Graaf, T.C.D. van de" userId="b210a36d-96bf-4faa-a100-09ca5f208414" providerId="ADAL" clId="{1382AACF-505C-43F5-BAAD-E1AB8B6AD585}" dt="2024-07-11T12:35:55.283" v="34" actId="20577"/>
        <pc:sldMkLst>
          <pc:docMk/>
          <pc:sldMk cId="51753064" sldId="549"/>
        </pc:sldMkLst>
      </pc:sldChg>
    </pc:docChg>
  </pc:docChgLst>
  <pc:docChgLst>
    <pc:chgData name="Graaf, T.C.D. van de (Tim) (TV_SZV)" userId="b210a36d-96bf-4faa-a100-09ca5f208414" providerId="ADAL" clId="{B069C6DC-6FA6-42FE-855E-9DB3D543A254}"/>
    <pc:docChg chg="undo custSel addSld delSld modSld sldOrd addSection modSection">
      <pc:chgData name="Graaf, T.C.D. van de (Tim) (TV_SZV)" userId="b210a36d-96bf-4faa-a100-09ca5f208414" providerId="ADAL" clId="{B069C6DC-6FA6-42FE-855E-9DB3D543A254}" dt="2024-06-27T15:55:39.164" v="1621" actId="20577"/>
      <pc:docMkLst>
        <pc:docMk/>
      </pc:docMkLst>
      <pc:sldChg chg="modSp mod">
        <pc:chgData name="Graaf, T.C.D. van de (Tim) (TV_SZV)" userId="b210a36d-96bf-4faa-a100-09ca5f208414" providerId="ADAL" clId="{B069C6DC-6FA6-42FE-855E-9DB3D543A254}" dt="2024-06-27T15:55:24.974" v="1620" actId="20577"/>
        <pc:sldMkLst>
          <pc:docMk/>
          <pc:sldMk cId="2066146231" sldId="263"/>
        </pc:sldMkLst>
        <pc:spChg chg="mod">
          <ac:chgData name="Graaf, T.C.D. van de (Tim) (TV_SZV)" userId="b210a36d-96bf-4faa-a100-09ca5f208414" providerId="ADAL" clId="{B069C6DC-6FA6-42FE-855E-9DB3D543A254}" dt="2024-06-27T15:55:24.974" v="1620" actId="20577"/>
          <ac:spMkLst>
            <pc:docMk/>
            <pc:sldMk cId="2066146231" sldId="263"/>
            <ac:spMk id="4" creationId="{EC7E6EFB-AB1B-B1DB-60AC-B82E6969E915}"/>
          </ac:spMkLst>
        </pc:spChg>
        <pc:spChg chg="mod">
          <ac:chgData name="Graaf, T.C.D. van de (Tim) (TV_SZV)" userId="b210a36d-96bf-4faa-a100-09ca5f208414" providerId="ADAL" clId="{B069C6DC-6FA6-42FE-855E-9DB3D543A254}" dt="2024-06-20T09:14:02.634" v="439" actId="20577"/>
          <ac:spMkLst>
            <pc:docMk/>
            <pc:sldMk cId="2066146231" sldId="263"/>
            <ac:spMk id="16" creationId="{C870990D-5E1A-F55C-8D33-7D4905016E6C}"/>
          </ac:spMkLst>
        </pc:spChg>
      </pc:sldChg>
      <pc:sldChg chg="modSp mod">
        <pc:chgData name="Graaf, T.C.D. van de (Tim) (TV_SZV)" userId="b210a36d-96bf-4faa-a100-09ca5f208414" providerId="ADAL" clId="{B069C6DC-6FA6-42FE-855E-9DB3D543A254}" dt="2024-06-21T08:30:02.679" v="1552" actId="20577"/>
        <pc:sldMkLst>
          <pc:docMk/>
          <pc:sldMk cId="330705974" sldId="267"/>
        </pc:sldMkLst>
        <pc:spChg chg="mod">
          <ac:chgData name="Graaf, T.C.D. van de (Tim) (TV_SZV)" userId="b210a36d-96bf-4faa-a100-09ca5f208414" providerId="ADAL" clId="{B069C6DC-6FA6-42FE-855E-9DB3D543A254}" dt="2024-06-21T08:30:02.679" v="1552" actId="20577"/>
          <ac:spMkLst>
            <pc:docMk/>
            <pc:sldMk cId="330705974" sldId="267"/>
            <ac:spMk id="5" creationId="{49CC5F20-034E-FA62-F5D4-65E06C978327}"/>
          </ac:spMkLst>
        </pc:spChg>
      </pc:sldChg>
      <pc:sldChg chg="modSp mod">
        <pc:chgData name="Graaf, T.C.D. van de (Tim) (TV_SZV)" userId="b210a36d-96bf-4faa-a100-09ca5f208414" providerId="ADAL" clId="{B069C6DC-6FA6-42FE-855E-9DB3D543A254}" dt="2024-06-20T10:42:32.893" v="1310" actId="20577"/>
        <pc:sldMkLst>
          <pc:docMk/>
          <pc:sldMk cId="1163821806" sldId="269"/>
        </pc:sldMkLst>
        <pc:spChg chg="mod">
          <ac:chgData name="Graaf, T.C.D. van de (Tim) (TV_SZV)" userId="b210a36d-96bf-4faa-a100-09ca5f208414" providerId="ADAL" clId="{B069C6DC-6FA6-42FE-855E-9DB3D543A254}" dt="2024-06-20T09:05:53.662" v="280" actId="20577"/>
          <ac:spMkLst>
            <pc:docMk/>
            <pc:sldMk cId="1163821806" sldId="269"/>
            <ac:spMk id="2" creationId="{45E93688-9B92-A9D3-CF3B-E4E8DC137A83}"/>
          </ac:spMkLst>
        </pc:spChg>
        <pc:spChg chg="mod">
          <ac:chgData name="Graaf, T.C.D. van de (Tim) (TV_SZV)" userId="b210a36d-96bf-4faa-a100-09ca5f208414" providerId="ADAL" clId="{B069C6DC-6FA6-42FE-855E-9DB3D543A254}" dt="2024-06-20T10:42:32.893" v="1310" actId="20577"/>
          <ac:spMkLst>
            <pc:docMk/>
            <pc:sldMk cId="1163821806" sldId="269"/>
            <ac:spMk id="9" creationId="{91A84B79-07D4-E4EF-CF64-D6B0E517F427}"/>
          </ac:spMkLst>
        </pc:spChg>
        <pc:picChg chg="mod">
          <ac:chgData name="Graaf, T.C.D. van de (Tim) (TV_SZV)" userId="b210a36d-96bf-4faa-a100-09ca5f208414" providerId="ADAL" clId="{B069C6DC-6FA6-42FE-855E-9DB3D543A254}" dt="2024-06-20T09:09:53.297" v="347" actId="1076"/>
          <ac:picMkLst>
            <pc:docMk/>
            <pc:sldMk cId="1163821806" sldId="269"/>
            <ac:picMk id="6" creationId="{9AC12962-B4B0-800B-E294-A4D0304C1856}"/>
          </ac:picMkLst>
        </pc:picChg>
      </pc:sldChg>
      <pc:sldChg chg="modSp mod">
        <pc:chgData name="Graaf, T.C.D. van de (Tim) (TV_SZV)" userId="b210a36d-96bf-4faa-a100-09ca5f208414" providerId="ADAL" clId="{B069C6DC-6FA6-42FE-855E-9DB3D543A254}" dt="2024-06-20T09:13:40.357" v="410" actId="113"/>
        <pc:sldMkLst>
          <pc:docMk/>
          <pc:sldMk cId="1268542576" sldId="270"/>
        </pc:sldMkLst>
        <pc:spChg chg="mod">
          <ac:chgData name="Graaf, T.C.D. van de (Tim) (TV_SZV)" userId="b210a36d-96bf-4faa-a100-09ca5f208414" providerId="ADAL" clId="{B069C6DC-6FA6-42FE-855E-9DB3D543A254}" dt="2024-06-20T09:08:13.384" v="323" actId="20577"/>
          <ac:spMkLst>
            <pc:docMk/>
            <pc:sldMk cId="1268542576" sldId="270"/>
            <ac:spMk id="2" creationId="{577F42C0-735B-09BC-ECAB-E1BB6520431D}"/>
          </ac:spMkLst>
        </pc:spChg>
        <pc:spChg chg="mod">
          <ac:chgData name="Graaf, T.C.D. van de (Tim) (TV_SZV)" userId="b210a36d-96bf-4faa-a100-09ca5f208414" providerId="ADAL" clId="{B069C6DC-6FA6-42FE-855E-9DB3D543A254}" dt="2024-06-20T09:13:40.357" v="410" actId="113"/>
          <ac:spMkLst>
            <pc:docMk/>
            <pc:sldMk cId="1268542576" sldId="270"/>
            <ac:spMk id="11" creationId="{18818124-A9BF-FFBA-EFBF-36DB75B68053}"/>
          </ac:spMkLst>
        </pc:spChg>
        <pc:picChg chg="mod">
          <ac:chgData name="Graaf, T.C.D. van de (Tim) (TV_SZV)" userId="b210a36d-96bf-4faa-a100-09ca5f208414" providerId="ADAL" clId="{B069C6DC-6FA6-42FE-855E-9DB3D543A254}" dt="2024-06-20T09:13:32.447" v="409" actId="14100"/>
          <ac:picMkLst>
            <pc:docMk/>
            <pc:sldMk cId="1268542576" sldId="270"/>
            <ac:picMk id="7" creationId="{3BA16304-5645-641A-A7C6-19707094850A}"/>
          </ac:picMkLst>
        </pc:picChg>
      </pc:sldChg>
      <pc:sldChg chg="modSp mod">
        <pc:chgData name="Graaf, T.C.D. van de (Tim) (TV_SZV)" userId="b210a36d-96bf-4faa-a100-09ca5f208414" providerId="ADAL" clId="{B069C6DC-6FA6-42FE-855E-9DB3D543A254}" dt="2024-06-20T10:52:45.619" v="1480" actId="20577"/>
        <pc:sldMkLst>
          <pc:docMk/>
          <pc:sldMk cId="3976012057" sldId="274"/>
        </pc:sldMkLst>
        <pc:spChg chg="mod">
          <ac:chgData name="Graaf, T.C.D. van de (Tim) (TV_SZV)" userId="b210a36d-96bf-4faa-a100-09ca5f208414" providerId="ADAL" clId="{B069C6DC-6FA6-42FE-855E-9DB3D543A254}" dt="2024-06-20T10:52:45.619" v="1480" actId="20577"/>
          <ac:spMkLst>
            <pc:docMk/>
            <pc:sldMk cId="3976012057" sldId="274"/>
            <ac:spMk id="4" creationId="{7368E9A9-1B63-0387-253F-0C8E365EF812}"/>
          </ac:spMkLst>
        </pc:spChg>
      </pc:sldChg>
      <pc:sldChg chg="modSp mod">
        <pc:chgData name="Graaf, T.C.D. van de (Tim) (TV_SZV)" userId="b210a36d-96bf-4faa-a100-09ca5f208414" providerId="ADAL" clId="{B069C6DC-6FA6-42FE-855E-9DB3D543A254}" dt="2024-06-20T09:27:40.101" v="848" actId="20577"/>
        <pc:sldMkLst>
          <pc:docMk/>
          <pc:sldMk cId="1085857997" sldId="275"/>
        </pc:sldMkLst>
        <pc:spChg chg="mod">
          <ac:chgData name="Graaf, T.C.D. van de (Tim) (TV_SZV)" userId="b210a36d-96bf-4faa-a100-09ca5f208414" providerId="ADAL" clId="{B069C6DC-6FA6-42FE-855E-9DB3D543A254}" dt="2024-06-20T09:27:40.101" v="848" actId="20577"/>
          <ac:spMkLst>
            <pc:docMk/>
            <pc:sldMk cId="1085857997" sldId="275"/>
            <ac:spMk id="2" creationId="{8DFE3176-DE6C-174D-900F-4654D1B5B218}"/>
          </ac:spMkLst>
        </pc:spChg>
      </pc:sldChg>
      <pc:sldChg chg="modSp mod delCm modCm">
        <pc:chgData name="Graaf, T.C.D. van de (Tim) (TV_SZV)" userId="b210a36d-96bf-4faa-a100-09ca5f208414" providerId="ADAL" clId="{B069C6DC-6FA6-42FE-855E-9DB3D543A254}" dt="2024-06-20T10:41:07.191" v="1285" actId="20577"/>
        <pc:sldMkLst>
          <pc:docMk/>
          <pc:sldMk cId="844467682" sldId="276"/>
        </pc:sldMkLst>
        <pc:spChg chg="mod">
          <ac:chgData name="Graaf, T.C.D. van de (Tim) (TV_SZV)" userId="b210a36d-96bf-4faa-a100-09ca5f208414" providerId="ADAL" clId="{B069C6DC-6FA6-42FE-855E-9DB3D543A254}" dt="2024-06-20T09:28:42.067" v="873" actId="20577"/>
          <ac:spMkLst>
            <pc:docMk/>
            <pc:sldMk cId="844467682" sldId="276"/>
            <ac:spMk id="2" creationId="{C4689528-C34A-C57C-2A12-029690BE0CEE}"/>
          </ac:spMkLst>
        </pc:spChg>
        <pc:spChg chg="mod">
          <ac:chgData name="Graaf, T.C.D. van de (Tim) (TV_SZV)" userId="b210a36d-96bf-4faa-a100-09ca5f208414" providerId="ADAL" clId="{B069C6DC-6FA6-42FE-855E-9DB3D543A254}" dt="2024-06-20T10:41:07.191" v="1285" actId="20577"/>
          <ac:spMkLst>
            <pc:docMk/>
            <pc:sldMk cId="844467682" sldId="276"/>
            <ac:spMk id="4" creationId="{6E87649F-C3F6-7544-8CBC-441538E05483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del">
              <pc226:chgData name="Graaf, T.C.D. van de (Tim) (TV_SZV)" userId="b210a36d-96bf-4faa-a100-09ca5f208414" providerId="ADAL" clId="{B069C6DC-6FA6-42FE-855E-9DB3D543A254}" dt="2024-06-20T09:29:13.790" v="891"/>
              <pc2:cmMkLst xmlns:pc2="http://schemas.microsoft.com/office/powerpoint/2019/9/main/command">
                <pc:docMk/>
                <pc:sldMk cId="844467682" sldId="276"/>
                <pc2:cmMk id="{9943FAD6-3353-4462-AAEB-041BAB3EFB33}"/>
              </pc2:cmMkLst>
            </pc226:cmChg>
            <pc226:cmChg xmlns:pc226="http://schemas.microsoft.com/office/powerpoint/2022/06/main/command" chg="del mod">
              <pc226:chgData name="Graaf, T.C.D. van de (Tim) (TV_SZV)" userId="b210a36d-96bf-4faa-a100-09ca5f208414" providerId="ADAL" clId="{B069C6DC-6FA6-42FE-855E-9DB3D543A254}" dt="2024-06-20T09:29:12.654" v="890"/>
              <pc2:cmMkLst xmlns:pc2="http://schemas.microsoft.com/office/powerpoint/2019/9/main/command">
                <pc:docMk/>
                <pc:sldMk cId="844467682" sldId="276"/>
                <pc2:cmMk id="{72CBE9ED-CF87-4F41-9169-68D9A58C8AE1}"/>
              </pc2:cmMkLst>
            </pc226:cmChg>
          </p:ext>
        </pc:extLst>
      </pc:sldChg>
      <pc:sldChg chg="modSp mod">
        <pc:chgData name="Graaf, T.C.D. van de (Tim) (TV_SZV)" userId="b210a36d-96bf-4faa-a100-09ca5f208414" providerId="ADAL" clId="{B069C6DC-6FA6-42FE-855E-9DB3D543A254}" dt="2024-06-27T15:55:39.164" v="1621" actId="20577"/>
        <pc:sldMkLst>
          <pc:docMk/>
          <pc:sldMk cId="1692255342" sldId="277"/>
        </pc:sldMkLst>
        <pc:spChg chg="mod">
          <ac:chgData name="Graaf, T.C.D. van de (Tim) (TV_SZV)" userId="b210a36d-96bf-4faa-a100-09ca5f208414" providerId="ADAL" clId="{B069C6DC-6FA6-42FE-855E-9DB3D543A254}" dt="2024-06-27T15:55:39.164" v="1621" actId="20577"/>
          <ac:spMkLst>
            <pc:docMk/>
            <pc:sldMk cId="1692255342" sldId="277"/>
            <ac:spMk id="4" creationId="{EC7E6EFB-AB1B-B1DB-60AC-B82E6969E915}"/>
          </ac:spMkLst>
        </pc:spChg>
        <pc:spChg chg="mod">
          <ac:chgData name="Graaf, T.C.D. van de (Tim) (TV_SZV)" userId="b210a36d-96bf-4faa-a100-09ca5f208414" providerId="ADAL" clId="{B069C6DC-6FA6-42FE-855E-9DB3D543A254}" dt="2024-06-20T09:18:30.621" v="626" actId="20577"/>
          <ac:spMkLst>
            <pc:docMk/>
            <pc:sldMk cId="1692255342" sldId="277"/>
            <ac:spMk id="16" creationId="{C870990D-5E1A-F55C-8D33-7D4905016E6C}"/>
          </ac:spMkLst>
        </pc:spChg>
      </pc:sldChg>
      <pc:sldChg chg="modSp mod">
        <pc:chgData name="Graaf, T.C.D. van de (Tim) (TV_SZV)" userId="b210a36d-96bf-4faa-a100-09ca5f208414" providerId="ADAL" clId="{B069C6DC-6FA6-42FE-855E-9DB3D543A254}" dt="2024-06-20T10:51:41.708" v="1479" actId="20577"/>
        <pc:sldMkLst>
          <pc:docMk/>
          <pc:sldMk cId="4197308347" sldId="278"/>
        </pc:sldMkLst>
        <pc:spChg chg="mod">
          <ac:chgData name="Graaf, T.C.D. van de (Tim) (TV_SZV)" userId="b210a36d-96bf-4faa-a100-09ca5f208414" providerId="ADAL" clId="{B069C6DC-6FA6-42FE-855E-9DB3D543A254}" dt="2024-06-20T09:30:40" v="934" actId="20577"/>
          <ac:spMkLst>
            <pc:docMk/>
            <pc:sldMk cId="4197308347" sldId="278"/>
            <ac:spMk id="2" creationId="{2DC5A7C9-35E6-743B-8F52-1972DBFEA9B8}"/>
          </ac:spMkLst>
        </pc:spChg>
        <pc:spChg chg="mod">
          <ac:chgData name="Graaf, T.C.D. van de (Tim) (TV_SZV)" userId="b210a36d-96bf-4faa-a100-09ca5f208414" providerId="ADAL" clId="{B069C6DC-6FA6-42FE-855E-9DB3D543A254}" dt="2024-06-20T10:51:41.708" v="1479" actId="20577"/>
          <ac:spMkLst>
            <pc:docMk/>
            <pc:sldMk cId="4197308347" sldId="278"/>
            <ac:spMk id="4" creationId="{12243CAF-0A67-7B4E-F498-BF393778CEF0}"/>
          </ac:spMkLst>
        </pc:spChg>
      </pc:sldChg>
      <pc:sldChg chg="modSp mod">
        <pc:chgData name="Graaf, T.C.D. van de (Tim) (TV_SZV)" userId="b210a36d-96bf-4faa-a100-09ca5f208414" providerId="ADAL" clId="{B069C6DC-6FA6-42FE-855E-9DB3D543A254}" dt="2024-06-20T11:08:46.669" v="1498" actId="20577"/>
        <pc:sldMkLst>
          <pc:docMk/>
          <pc:sldMk cId="1005369590" sldId="279"/>
        </pc:sldMkLst>
        <pc:spChg chg="mod">
          <ac:chgData name="Graaf, T.C.D. van de (Tim) (TV_SZV)" userId="b210a36d-96bf-4faa-a100-09ca5f208414" providerId="ADAL" clId="{B069C6DC-6FA6-42FE-855E-9DB3D543A254}" dt="2024-06-20T09:31:28.676" v="958" actId="1038"/>
          <ac:spMkLst>
            <pc:docMk/>
            <pc:sldMk cId="1005369590" sldId="279"/>
            <ac:spMk id="4" creationId="{3779D7D4-9605-102A-7F55-0D5095B04B38}"/>
          </ac:spMkLst>
        </pc:spChg>
        <pc:spChg chg="mod">
          <ac:chgData name="Graaf, T.C.D. van de (Tim) (TV_SZV)" userId="b210a36d-96bf-4faa-a100-09ca5f208414" providerId="ADAL" clId="{B069C6DC-6FA6-42FE-855E-9DB3D543A254}" dt="2024-06-20T11:08:46.669" v="1498" actId="20577"/>
          <ac:spMkLst>
            <pc:docMk/>
            <pc:sldMk cId="1005369590" sldId="279"/>
            <ac:spMk id="6" creationId="{8C4C1756-1DC4-484F-AF1E-A80DE2B0C736}"/>
          </ac:spMkLst>
        </pc:spChg>
        <pc:picChg chg="mod">
          <ac:chgData name="Graaf, T.C.D. van de (Tim) (TV_SZV)" userId="b210a36d-96bf-4faa-a100-09ca5f208414" providerId="ADAL" clId="{B069C6DC-6FA6-42FE-855E-9DB3D543A254}" dt="2024-06-20T09:31:30.434" v="963" actId="1038"/>
          <ac:picMkLst>
            <pc:docMk/>
            <pc:sldMk cId="1005369590" sldId="279"/>
            <ac:picMk id="1026" creationId="{20CF5C76-4E0C-D8CC-F43C-DDADEE51FCBD}"/>
          </ac:picMkLst>
        </pc:picChg>
      </pc:sldChg>
      <pc:sldChg chg="modSp mod delCm modCm">
        <pc:chgData name="Graaf, T.C.D. van de (Tim) (TV_SZV)" userId="b210a36d-96bf-4faa-a100-09ca5f208414" providerId="ADAL" clId="{B069C6DC-6FA6-42FE-855E-9DB3D543A254}" dt="2024-06-20T10:41:58.973" v="1309" actId="20577"/>
        <pc:sldMkLst>
          <pc:docMk/>
          <pc:sldMk cId="1516917713" sldId="280"/>
        </pc:sldMkLst>
        <pc:spChg chg="mod">
          <ac:chgData name="Graaf, T.C.D. van de (Tim) (TV_SZV)" userId="b210a36d-96bf-4faa-a100-09ca5f208414" providerId="ADAL" clId="{B069C6DC-6FA6-42FE-855E-9DB3D543A254}" dt="2024-06-20T10:41:58.973" v="1309" actId="20577"/>
          <ac:spMkLst>
            <pc:docMk/>
            <pc:sldMk cId="1516917713" sldId="280"/>
            <ac:spMk id="4" creationId="{12243CAF-0A67-7B4E-F498-BF393778CEF0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del mod">
              <pc226:chgData name="Graaf, T.C.D. van de (Tim) (TV_SZV)" userId="b210a36d-96bf-4faa-a100-09ca5f208414" providerId="ADAL" clId="{B069C6DC-6FA6-42FE-855E-9DB3D543A254}" dt="2024-06-20T09:36:52.386" v="1193"/>
              <pc2:cmMkLst xmlns:pc2="http://schemas.microsoft.com/office/powerpoint/2019/9/main/command">
                <pc:docMk/>
                <pc:sldMk cId="1516917713" sldId="280"/>
                <pc2:cmMk id="{9F17E23D-7E10-46E6-AAAE-C771FA6F3C69}"/>
              </pc2:cmMkLst>
            </pc226:cmChg>
          </p:ext>
        </pc:extLst>
      </pc:sldChg>
      <pc:sldChg chg="modSp mod">
        <pc:chgData name="Graaf, T.C.D. van de (Tim) (TV_SZV)" userId="b210a36d-96bf-4faa-a100-09ca5f208414" providerId="ADAL" clId="{B069C6DC-6FA6-42FE-855E-9DB3D543A254}" dt="2024-06-20T09:27:00.593" v="828" actId="20577"/>
        <pc:sldMkLst>
          <pc:docMk/>
          <pc:sldMk cId="1938563299" sldId="281"/>
        </pc:sldMkLst>
        <pc:spChg chg="mod">
          <ac:chgData name="Graaf, T.C.D. van de (Tim) (TV_SZV)" userId="b210a36d-96bf-4faa-a100-09ca5f208414" providerId="ADAL" clId="{B069C6DC-6FA6-42FE-855E-9DB3D543A254}" dt="2024-06-20T09:27:00.593" v="828" actId="20577"/>
          <ac:spMkLst>
            <pc:docMk/>
            <pc:sldMk cId="1938563299" sldId="281"/>
            <ac:spMk id="4" creationId="{D9EF2819-C523-743A-395B-2284D1F37E43}"/>
          </ac:spMkLst>
        </pc:spChg>
      </pc:sldChg>
      <pc:sldChg chg="modSp mod">
        <pc:chgData name="Graaf, T.C.D. van de (Tim) (TV_SZV)" userId="b210a36d-96bf-4faa-a100-09ca5f208414" providerId="ADAL" clId="{B069C6DC-6FA6-42FE-855E-9DB3D543A254}" dt="2024-06-20T11:09:02.713" v="1499" actId="20577"/>
        <pc:sldMkLst>
          <pc:docMk/>
          <pc:sldMk cId="216476310" sldId="282"/>
        </pc:sldMkLst>
        <pc:spChg chg="mod">
          <ac:chgData name="Graaf, T.C.D. van de (Tim) (TV_SZV)" userId="b210a36d-96bf-4faa-a100-09ca5f208414" providerId="ADAL" clId="{B069C6DC-6FA6-42FE-855E-9DB3D543A254}" dt="2024-06-20T11:09:02.713" v="1499" actId="20577"/>
          <ac:spMkLst>
            <pc:docMk/>
            <pc:sldMk cId="216476310" sldId="282"/>
            <ac:spMk id="4" creationId="{711AA277-C36E-0F60-9053-FF24A424D43E}"/>
          </ac:spMkLst>
        </pc:spChg>
      </pc:sldChg>
      <pc:sldChg chg="modSp mod">
        <pc:chgData name="Graaf, T.C.D. van de (Tim) (TV_SZV)" userId="b210a36d-96bf-4faa-a100-09ca5f208414" providerId="ADAL" clId="{B069C6DC-6FA6-42FE-855E-9DB3D543A254}" dt="2024-06-20T09:03:57.660" v="258" actId="1035"/>
        <pc:sldMkLst>
          <pc:docMk/>
          <pc:sldMk cId="1674451416" sldId="283"/>
        </pc:sldMkLst>
        <pc:spChg chg="mod">
          <ac:chgData name="Graaf, T.C.D. van de (Tim) (TV_SZV)" userId="b210a36d-96bf-4faa-a100-09ca5f208414" providerId="ADAL" clId="{B069C6DC-6FA6-42FE-855E-9DB3D543A254}" dt="2024-06-20T09:00:21.870" v="60" actId="20577"/>
          <ac:spMkLst>
            <pc:docMk/>
            <pc:sldMk cId="1674451416" sldId="283"/>
            <ac:spMk id="2" creationId="{45E93688-9B92-A9D3-CF3B-E4E8DC137A83}"/>
          </ac:spMkLst>
        </pc:spChg>
        <pc:spChg chg="mod">
          <ac:chgData name="Graaf, T.C.D. van de (Tim) (TV_SZV)" userId="b210a36d-96bf-4faa-a100-09ca5f208414" providerId="ADAL" clId="{B069C6DC-6FA6-42FE-855E-9DB3D543A254}" dt="2024-06-20T09:03:51.476" v="229" actId="20577"/>
          <ac:spMkLst>
            <pc:docMk/>
            <pc:sldMk cId="1674451416" sldId="283"/>
            <ac:spMk id="9" creationId="{91A84B79-07D4-E4EF-CF64-D6B0E517F427}"/>
          </ac:spMkLst>
        </pc:spChg>
        <pc:picChg chg="mod">
          <ac:chgData name="Graaf, T.C.D. van de (Tim) (TV_SZV)" userId="b210a36d-96bf-4faa-a100-09ca5f208414" providerId="ADAL" clId="{B069C6DC-6FA6-42FE-855E-9DB3D543A254}" dt="2024-06-20T09:03:57.660" v="258" actId="1035"/>
          <ac:picMkLst>
            <pc:docMk/>
            <pc:sldMk cId="1674451416" sldId="283"/>
            <ac:picMk id="5" creationId="{F94C3912-2BFB-C201-B929-AA4125CF352D}"/>
          </ac:picMkLst>
        </pc:picChg>
      </pc:sldChg>
      <pc:sldChg chg="del">
        <pc:chgData name="Graaf, T.C.D. van de (Tim) (TV_SZV)" userId="b210a36d-96bf-4faa-a100-09ca5f208414" providerId="ADAL" clId="{B069C6DC-6FA6-42FE-855E-9DB3D543A254}" dt="2024-06-20T14:28:58.289" v="1500" actId="2696"/>
        <pc:sldMkLst>
          <pc:docMk/>
          <pc:sldMk cId="3203130721" sldId="284"/>
        </pc:sldMkLst>
      </pc:sldChg>
      <pc:sldChg chg="addSp delSp modSp new mod">
        <pc:chgData name="Graaf, T.C.D. van de (Tim) (TV_SZV)" userId="b210a36d-96bf-4faa-a100-09ca5f208414" providerId="ADAL" clId="{B069C6DC-6FA6-42FE-855E-9DB3D543A254}" dt="2024-06-20T10:34:35.002" v="1258" actId="21"/>
        <pc:sldMkLst>
          <pc:docMk/>
          <pc:sldMk cId="3011444884" sldId="285"/>
        </pc:sldMkLst>
        <pc:spChg chg="mod">
          <ac:chgData name="Graaf, T.C.D. van de (Tim) (TV_SZV)" userId="b210a36d-96bf-4faa-a100-09ca5f208414" providerId="ADAL" clId="{B069C6DC-6FA6-42FE-855E-9DB3D543A254}" dt="2024-06-20T10:33:44.788" v="1246"/>
          <ac:spMkLst>
            <pc:docMk/>
            <pc:sldMk cId="3011444884" sldId="285"/>
            <ac:spMk id="2" creationId="{158B5F1D-3148-9BA4-A3F6-AECAE6824440}"/>
          </ac:spMkLst>
        </pc:spChg>
        <pc:spChg chg="del mod">
          <ac:chgData name="Graaf, T.C.D. van de (Tim) (TV_SZV)" userId="b210a36d-96bf-4faa-a100-09ca5f208414" providerId="ADAL" clId="{B069C6DC-6FA6-42FE-855E-9DB3D543A254}" dt="2024-06-20T10:34:35.002" v="1258" actId="21"/>
          <ac:spMkLst>
            <pc:docMk/>
            <pc:sldMk cId="3011444884" sldId="285"/>
            <ac:spMk id="4" creationId="{A48AE8B9-0E78-98CC-117F-DD812BDF7B80}"/>
          </ac:spMkLst>
        </pc:spChg>
        <pc:spChg chg="del">
          <ac:chgData name="Graaf, T.C.D. van de (Tim) (TV_SZV)" userId="b210a36d-96bf-4faa-a100-09ca5f208414" providerId="ADAL" clId="{B069C6DC-6FA6-42FE-855E-9DB3D543A254}" dt="2024-06-20T10:33:37.058" v="1244" actId="21"/>
          <ac:spMkLst>
            <pc:docMk/>
            <pc:sldMk cId="3011444884" sldId="285"/>
            <ac:spMk id="5" creationId="{B1B539A9-2DF9-09EB-7123-BC6293CBA4EB}"/>
          </ac:spMkLst>
        </pc:spChg>
        <pc:picChg chg="add mod">
          <ac:chgData name="Graaf, T.C.D. van de (Tim) (TV_SZV)" userId="b210a36d-96bf-4faa-a100-09ca5f208414" providerId="ADAL" clId="{B069C6DC-6FA6-42FE-855E-9DB3D543A254}" dt="2024-06-20T10:34:31.338" v="1257" actId="1076"/>
          <ac:picMkLst>
            <pc:docMk/>
            <pc:sldMk cId="3011444884" sldId="285"/>
            <ac:picMk id="1026" creationId="{2BBEE27B-8652-0035-4A99-8067EC7E6E67}"/>
          </ac:picMkLst>
        </pc:picChg>
      </pc:sldChg>
      <pc:sldChg chg="delSp modSp new mod ord">
        <pc:chgData name="Graaf, T.C.D. van de (Tim) (TV_SZV)" userId="b210a36d-96bf-4faa-a100-09ca5f208414" providerId="ADAL" clId="{B069C6DC-6FA6-42FE-855E-9DB3D543A254}" dt="2024-06-20T14:30:36.200" v="1501" actId="21"/>
        <pc:sldMkLst>
          <pc:docMk/>
          <pc:sldMk cId="3716724419" sldId="286"/>
        </pc:sldMkLst>
        <pc:spChg chg="mod">
          <ac:chgData name="Graaf, T.C.D. van de (Tim) (TV_SZV)" userId="b210a36d-96bf-4faa-a100-09ca5f208414" providerId="ADAL" clId="{B069C6DC-6FA6-42FE-855E-9DB3D543A254}" dt="2024-06-20T10:33:30.054" v="1243" actId="20577"/>
          <ac:spMkLst>
            <pc:docMk/>
            <pc:sldMk cId="3716724419" sldId="286"/>
            <ac:spMk id="2" creationId="{A1B2895D-1D3A-B5E1-B7FD-CA088F744208}"/>
          </ac:spMkLst>
        </pc:spChg>
        <pc:spChg chg="del">
          <ac:chgData name="Graaf, T.C.D. van de (Tim) (TV_SZV)" userId="b210a36d-96bf-4faa-a100-09ca5f208414" providerId="ADAL" clId="{B069C6DC-6FA6-42FE-855E-9DB3D543A254}" dt="2024-06-20T10:32:36.840" v="1201" actId="21"/>
          <ac:spMkLst>
            <pc:docMk/>
            <pc:sldMk cId="3716724419" sldId="286"/>
            <ac:spMk id="3" creationId="{6BDF72D6-C7D2-FD2E-6EAB-E1960FC2DBC9}"/>
          </ac:spMkLst>
        </pc:spChg>
        <pc:spChg chg="del">
          <ac:chgData name="Graaf, T.C.D. van de (Tim) (TV_SZV)" userId="b210a36d-96bf-4faa-a100-09ca5f208414" providerId="ADAL" clId="{B069C6DC-6FA6-42FE-855E-9DB3D543A254}" dt="2024-06-20T14:30:36.200" v="1501" actId="21"/>
          <ac:spMkLst>
            <pc:docMk/>
            <pc:sldMk cId="3716724419" sldId="286"/>
            <ac:spMk id="3" creationId="{FB26DE15-D8E4-C3C3-E32F-82258BDC8E6F}"/>
          </ac:spMkLst>
        </pc:spChg>
      </pc:sldChg>
      <pc:sldChg chg="addSp modSp new mod modAnim">
        <pc:chgData name="Graaf, T.C.D. van de (Tim) (TV_SZV)" userId="b210a36d-96bf-4faa-a100-09ca5f208414" providerId="ADAL" clId="{B069C6DC-6FA6-42FE-855E-9DB3D543A254}" dt="2024-06-20T10:35:36.855" v="1261"/>
        <pc:sldMkLst>
          <pc:docMk/>
          <pc:sldMk cId="1139030685" sldId="287"/>
        </pc:sldMkLst>
        <pc:spChg chg="mod">
          <ac:chgData name="Graaf, T.C.D. van de (Tim) (TV_SZV)" userId="b210a36d-96bf-4faa-a100-09ca5f208414" providerId="ADAL" clId="{B069C6DC-6FA6-42FE-855E-9DB3D543A254}" dt="2024-06-20T10:34:49.801" v="1260"/>
          <ac:spMkLst>
            <pc:docMk/>
            <pc:sldMk cId="1139030685" sldId="287"/>
            <ac:spMk id="2" creationId="{3AE0B9F0-DBF8-2A92-E1EC-5859C5A8167E}"/>
          </ac:spMkLst>
        </pc:spChg>
        <pc:picChg chg="add mod">
          <ac:chgData name="Graaf, T.C.D. van de (Tim) (TV_SZV)" userId="b210a36d-96bf-4faa-a100-09ca5f208414" providerId="ADAL" clId="{B069C6DC-6FA6-42FE-855E-9DB3D543A254}" dt="2024-06-20T10:35:36.855" v="1261"/>
          <ac:picMkLst>
            <pc:docMk/>
            <pc:sldMk cId="1139030685" sldId="287"/>
            <ac:picMk id="6" creationId="{5AEC3A75-3648-4E88-6EAB-D4ADFF17E582}"/>
          </ac:picMkLst>
        </pc:picChg>
        <pc:picChg chg="add mod">
          <ac:chgData name="Graaf, T.C.D. van de (Tim) (TV_SZV)" userId="b210a36d-96bf-4faa-a100-09ca5f208414" providerId="ADAL" clId="{B069C6DC-6FA6-42FE-855E-9DB3D543A254}" dt="2024-06-20T10:35:36.855" v="1261"/>
          <ac:picMkLst>
            <pc:docMk/>
            <pc:sldMk cId="1139030685" sldId="287"/>
            <ac:picMk id="7" creationId="{A3E1C0E7-1C6E-3D31-4C63-1625559160C2}"/>
          </ac:picMkLst>
        </pc:picChg>
      </pc:sldChg>
      <pc:sldChg chg="addSp modSp new mod">
        <pc:chgData name="Graaf, T.C.D. van de (Tim) (TV_SZV)" userId="b210a36d-96bf-4faa-a100-09ca5f208414" providerId="ADAL" clId="{B069C6DC-6FA6-42FE-855E-9DB3D543A254}" dt="2024-06-20T10:36:55.665" v="1265"/>
        <pc:sldMkLst>
          <pc:docMk/>
          <pc:sldMk cId="3009493871" sldId="288"/>
        </pc:sldMkLst>
        <pc:spChg chg="mod">
          <ac:chgData name="Graaf, T.C.D. van de (Tim) (TV_SZV)" userId="b210a36d-96bf-4faa-a100-09ca5f208414" providerId="ADAL" clId="{B069C6DC-6FA6-42FE-855E-9DB3D543A254}" dt="2024-06-20T10:36:55.665" v="1265"/>
          <ac:spMkLst>
            <pc:docMk/>
            <pc:sldMk cId="3009493871" sldId="288"/>
            <ac:spMk id="2" creationId="{88C282F1-91A8-7E2A-09E4-A049E5CBB3A6}"/>
          </ac:spMkLst>
        </pc:spChg>
        <pc:spChg chg="add mod">
          <ac:chgData name="Graaf, T.C.D. van de (Tim) (TV_SZV)" userId="b210a36d-96bf-4faa-a100-09ca5f208414" providerId="ADAL" clId="{B069C6DC-6FA6-42FE-855E-9DB3D543A254}" dt="2024-06-20T10:36:31.865" v="1264" actId="1076"/>
          <ac:spMkLst>
            <pc:docMk/>
            <pc:sldMk cId="3009493871" sldId="288"/>
            <ac:spMk id="6" creationId="{A0671B0D-24B4-3078-EF73-51A841BC8F72}"/>
          </ac:spMkLst>
        </pc:spChg>
        <pc:spChg chg="add mod">
          <ac:chgData name="Graaf, T.C.D. van de (Tim) (TV_SZV)" userId="b210a36d-96bf-4faa-a100-09ca5f208414" providerId="ADAL" clId="{B069C6DC-6FA6-42FE-855E-9DB3D543A254}" dt="2024-06-20T10:36:31.865" v="1264" actId="1076"/>
          <ac:spMkLst>
            <pc:docMk/>
            <pc:sldMk cId="3009493871" sldId="288"/>
            <ac:spMk id="10" creationId="{F81561BA-4A88-097E-3E56-03E8A5D22201}"/>
          </ac:spMkLst>
        </pc:spChg>
        <pc:spChg chg="add mod">
          <ac:chgData name="Graaf, T.C.D. van de (Tim) (TV_SZV)" userId="b210a36d-96bf-4faa-a100-09ca5f208414" providerId="ADAL" clId="{B069C6DC-6FA6-42FE-855E-9DB3D543A254}" dt="2024-06-20T10:36:31.865" v="1264" actId="1076"/>
          <ac:spMkLst>
            <pc:docMk/>
            <pc:sldMk cId="3009493871" sldId="288"/>
            <ac:spMk id="11" creationId="{8302DF8C-8255-1318-64F2-61A8C430B414}"/>
          </ac:spMkLst>
        </pc:spChg>
        <pc:picChg chg="add mod">
          <ac:chgData name="Graaf, T.C.D. van de (Tim) (TV_SZV)" userId="b210a36d-96bf-4faa-a100-09ca5f208414" providerId="ADAL" clId="{B069C6DC-6FA6-42FE-855E-9DB3D543A254}" dt="2024-06-20T10:36:31.865" v="1264" actId="1076"/>
          <ac:picMkLst>
            <pc:docMk/>
            <pc:sldMk cId="3009493871" sldId="288"/>
            <ac:picMk id="7" creationId="{980019B3-18BD-750E-698C-861DD8409138}"/>
          </ac:picMkLst>
        </pc:picChg>
        <pc:picChg chg="add mod">
          <ac:chgData name="Graaf, T.C.D. van de (Tim) (TV_SZV)" userId="b210a36d-96bf-4faa-a100-09ca5f208414" providerId="ADAL" clId="{B069C6DC-6FA6-42FE-855E-9DB3D543A254}" dt="2024-06-20T10:36:31.865" v="1264" actId="1076"/>
          <ac:picMkLst>
            <pc:docMk/>
            <pc:sldMk cId="3009493871" sldId="288"/>
            <ac:picMk id="8" creationId="{ABF29C01-337D-709A-44F5-B9CD10BFDD7E}"/>
          </ac:picMkLst>
        </pc:picChg>
        <pc:picChg chg="add mod">
          <ac:chgData name="Graaf, T.C.D. van de (Tim) (TV_SZV)" userId="b210a36d-96bf-4faa-a100-09ca5f208414" providerId="ADAL" clId="{B069C6DC-6FA6-42FE-855E-9DB3D543A254}" dt="2024-06-20T10:36:31.865" v="1264" actId="1076"/>
          <ac:picMkLst>
            <pc:docMk/>
            <pc:sldMk cId="3009493871" sldId="288"/>
            <ac:picMk id="9" creationId="{756D3141-8080-612D-C9C4-705249D8ECE6}"/>
          </ac:picMkLst>
        </pc:picChg>
      </pc:sldChg>
      <pc:sldChg chg="addSp delSp modSp new mod modAnim">
        <pc:chgData name="Graaf, T.C.D. van de (Tim) (TV_SZV)" userId="b210a36d-96bf-4faa-a100-09ca5f208414" providerId="ADAL" clId="{B069C6DC-6FA6-42FE-855E-9DB3D543A254}" dt="2024-06-20T14:33:32.557" v="1503" actId="21"/>
        <pc:sldMkLst>
          <pc:docMk/>
          <pc:sldMk cId="3541674008" sldId="289"/>
        </pc:sldMkLst>
        <pc:spChg chg="mod">
          <ac:chgData name="Graaf, T.C.D. van de (Tim) (TV_SZV)" userId="b210a36d-96bf-4faa-a100-09ca5f208414" providerId="ADAL" clId="{B069C6DC-6FA6-42FE-855E-9DB3D543A254}" dt="2024-06-20T10:37:47.123" v="1269"/>
          <ac:spMkLst>
            <pc:docMk/>
            <pc:sldMk cId="3541674008" sldId="289"/>
            <ac:spMk id="2" creationId="{145ECB4C-3713-881A-CD6F-35FD17117123}"/>
          </ac:spMkLst>
        </pc:spChg>
        <pc:spChg chg="del">
          <ac:chgData name="Graaf, T.C.D. van de (Tim) (TV_SZV)" userId="b210a36d-96bf-4faa-a100-09ca5f208414" providerId="ADAL" clId="{B069C6DC-6FA6-42FE-855E-9DB3D543A254}" dt="2024-06-20T14:33:30.118" v="1502" actId="21"/>
          <ac:spMkLst>
            <pc:docMk/>
            <pc:sldMk cId="3541674008" sldId="289"/>
            <ac:spMk id="4" creationId="{BBB53421-1064-108D-108C-7A903A3492EC}"/>
          </ac:spMkLst>
        </pc:spChg>
        <pc:spChg chg="del">
          <ac:chgData name="Graaf, T.C.D. van de (Tim) (TV_SZV)" userId="b210a36d-96bf-4faa-a100-09ca5f208414" providerId="ADAL" clId="{B069C6DC-6FA6-42FE-855E-9DB3D543A254}" dt="2024-06-20T14:33:32.557" v="1503" actId="21"/>
          <ac:spMkLst>
            <pc:docMk/>
            <pc:sldMk cId="3541674008" sldId="289"/>
            <ac:spMk id="5" creationId="{2455194D-8854-00A1-773B-B72A0089D6F2}"/>
          </ac:spMkLst>
        </pc:spChg>
        <pc:spChg chg="add mod">
          <ac:chgData name="Graaf, T.C.D. van de (Tim) (TV_SZV)" userId="b210a36d-96bf-4faa-a100-09ca5f208414" providerId="ADAL" clId="{B069C6DC-6FA6-42FE-855E-9DB3D543A254}" dt="2024-06-20T10:37:40.951" v="1268" actId="1076"/>
          <ac:spMkLst>
            <pc:docMk/>
            <pc:sldMk cId="3541674008" sldId="289"/>
            <ac:spMk id="7" creationId="{F40E3E1E-7B89-A04F-70E9-501AAC04C58B}"/>
          </ac:spMkLst>
        </pc:spChg>
        <pc:spChg chg="add mod">
          <ac:chgData name="Graaf, T.C.D. van de (Tim) (TV_SZV)" userId="b210a36d-96bf-4faa-a100-09ca5f208414" providerId="ADAL" clId="{B069C6DC-6FA6-42FE-855E-9DB3D543A254}" dt="2024-06-20T10:37:40.951" v="1268" actId="1076"/>
          <ac:spMkLst>
            <pc:docMk/>
            <pc:sldMk cId="3541674008" sldId="289"/>
            <ac:spMk id="8" creationId="{34D7C160-0255-C11D-F4CB-5403D302277C}"/>
          </ac:spMkLst>
        </pc:spChg>
        <pc:spChg chg="add mod">
          <ac:chgData name="Graaf, T.C.D. van de (Tim) (TV_SZV)" userId="b210a36d-96bf-4faa-a100-09ca5f208414" providerId="ADAL" clId="{B069C6DC-6FA6-42FE-855E-9DB3D543A254}" dt="2024-06-20T10:37:40.951" v="1268" actId="1076"/>
          <ac:spMkLst>
            <pc:docMk/>
            <pc:sldMk cId="3541674008" sldId="289"/>
            <ac:spMk id="9" creationId="{6F153C57-E01F-01E8-C5DA-BEBA97A373BE}"/>
          </ac:spMkLst>
        </pc:spChg>
        <pc:spChg chg="add mod">
          <ac:chgData name="Graaf, T.C.D. van de (Tim) (TV_SZV)" userId="b210a36d-96bf-4faa-a100-09ca5f208414" providerId="ADAL" clId="{B069C6DC-6FA6-42FE-855E-9DB3D543A254}" dt="2024-06-20T10:37:40.951" v="1268" actId="1076"/>
          <ac:spMkLst>
            <pc:docMk/>
            <pc:sldMk cId="3541674008" sldId="289"/>
            <ac:spMk id="10" creationId="{23582211-4512-A65E-5138-890E1EE4B599}"/>
          </ac:spMkLst>
        </pc:spChg>
        <pc:spChg chg="add mod">
          <ac:chgData name="Graaf, T.C.D. van de (Tim) (TV_SZV)" userId="b210a36d-96bf-4faa-a100-09ca5f208414" providerId="ADAL" clId="{B069C6DC-6FA6-42FE-855E-9DB3D543A254}" dt="2024-06-20T10:37:40.951" v="1268" actId="1076"/>
          <ac:spMkLst>
            <pc:docMk/>
            <pc:sldMk cId="3541674008" sldId="289"/>
            <ac:spMk id="11" creationId="{862FEA4F-DD23-A9DC-297E-D293DCFEFD82}"/>
          </ac:spMkLst>
        </pc:spChg>
        <pc:picChg chg="add mod">
          <ac:chgData name="Graaf, T.C.D. van de (Tim) (TV_SZV)" userId="b210a36d-96bf-4faa-a100-09ca5f208414" providerId="ADAL" clId="{B069C6DC-6FA6-42FE-855E-9DB3D543A254}" dt="2024-06-20T10:37:40.951" v="1268" actId="1076"/>
          <ac:picMkLst>
            <pc:docMk/>
            <pc:sldMk cId="3541674008" sldId="289"/>
            <ac:picMk id="6" creationId="{681D6931-B8DB-01A2-2F93-47A865B6BD5E}"/>
          </ac:picMkLst>
        </pc:picChg>
      </pc:sldChg>
      <pc:sldChg chg="delSp modSp new mod">
        <pc:chgData name="Graaf, T.C.D. van de (Tim) (TV_SZV)" userId="b210a36d-96bf-4faa-a100-09ca5f208414" providerId="ADAL" clId="{B069C6DC-6FA6-42FE-855E-9DB3D543A254}" dt="2024-06-20T10:38:49.676" v="1275"/>
        <pc:sldMkLst>
          <pc:docMk/>
          <pc:sldMk cId="2791441881" sldId="290"/>
        </pc:sldMkLst>
        <pc:spChg chg="mod">
          <ac:chgData name="Graaf, T.C.D. van de (Tim) (TV_SZV)" userId="b210a36d-96bf-4faa-a100-09ca5f208414" providerId="ADAL" clId="{B069C6DC-6FA6-42FE-855E-9DB3D543A254}" dt="2024-06-20T10:38:49.676" v="1275"/>
          <ac:spMkLst>
            <pc:docMk/>
            <pc:sldMk cId="2791441881" sldId="290"/>
            <ac:spMk id="2" creationId="{7431AD18-D0F7-6376-A79E-1954565F4E8D}"/>
          </ac:spMkLst>
        </pc:spChg>
        <pc:spChg chg="mod">
          <ac:chgData name="Graaf, T.C.D. van de (Tim) (TV_SZV)" userId="b210a36d-96bf-4faa-a100-09ca5f208414" providerId="ADAL" clId="{B069C6DC-6FA6-42FE-855E-9DB3D543A254}" dt="2024-06-20T10:38:43.376" v="1274" actId="14100"/>
          <ac:spMkLst>
            <pc:docMk/>
            <pc:sldMk cId="2791441881" sldId="290"/>
            <ac:spMk id="4" creationId="{81B15F9F-54BE-BB7C-632C-D6F4ECC53B01}"/>
          </ac:spMkLst>
        </pc:spChg>
        <pc:spChg chg="del">
          <ac:chgData name="Graaf, T.C.D. van de (Tim) (TV_SZV)" userId="b210a36d-96bf-4faa-a100-09ca5f208414" providerId="ADAL" clId="{B069C6DC-6FA6-42FE-855E-9DB3D543A254}" dt="2024-06-20T10:38:31.981" v="1271" actId="21"/>
          <ac:spMkLst>
            <pc:docMk/>
            <pc:sldMk cId="2791441881" sldId="290"/>
            <ac:spMk id="5" creationId="{E7A699B3-AEB3-0E37-1C21-6A37B4B64F7F}"/>
          </ac:spMkLst>
        </pc:spChg>
      </pc:sldChg>
      <pc:sldChg chg="addSp delSp modSp new mod">
        <pc:chgData name="Graaf, T.C.D. van de (Tim) (TV_SZV)" userId="b210a36d-96bf-4faa-a100-09ca5f208414" providerId="ADAL" clId="{B069C6DC-6FA6-42FE-855E-9DB3D543A254}" dt="2024-06-27T15:51:47.023" v="1618" actId="20577"/>
        <pc:sldMkLst>
          <pc:docMk/>
          <pc:sldMk cId="2178607139" sldId="291"/>
        </pc:sldMkLst>
        <pc:spChg chg="mod">
          <ac:chgData name="Graaf, T.C.D. van de (Tim) (TV_SZV)" userId="b210a36d-96bf-4faa-a100-09ca5f208414" providerId="ADAL" clId="{B069C6DC-6FA6-42FE-855E-9DB3D543A254}" dt="2024-06-27T15:51:47.023" v="1618" actId="20577"/>
          <ac:spMkLst>
            <pc:docMk/>
            <pc:sldMk cId="2178607139" sldId="291"/>
            <ac:spMk id="2" creationId="{D1660DB8-DFDB-5700-A16F-554C94E265F4}"/>
          </ac:spMkLst>
        </pc:spChg>
        <pc:spChg chg="del mod">
          <ac:chgData name="Graaf, T.C.D. van de (Tim) (TV_SZV)" userId="b210a36d-96bf-4faa-a100-09ca5f208414" providerId="ADAL" clId="{B069C6DC-6FA6-42FE-855E-9DB3D543A254}" dt="2024-06-20T10:39:46.594" v="1283" actId="21"/>
          <ac:spMkLst>
            <pc:docMk/>
            <pc:sldMk cId="2178607139" sldId="291"/>
            <ac:spMk id="4" creationId="{EE4BD8DC-C5A5-9CB6-26F8-2673AD369406}"/>
          </ac:spMkLst>
        </pc:spChg>
        <pc:spChg chg="del">
          <ac:chgData name="Graaf, T.C.D. van de (Tim) (TV_SZV)" userId="b210a36d-96bf-4faa-a100-09ca5f208414" providerId="ADAL" clId="{B069C6DC-6FA6-42FE-855E-9DB3D543A254}" dt="2024-06-20T10:39:49.118" v="1284" actId="21"/>
          <ac:spMkLst>
            <pc:docMk/>
            <pc:sldMk cId="2178607139" sldId="291"/>
            <ac:spMk id="5" creationId="{15A8035C-645B-1B14-CF16-7DF638E820A8}"/>
          </ac:spMkLst>
        </pc:spChg>
        <pc:spChg chg="add mod">
          <ac:chgData name="Graaf, T.C.D. van de (Tim) (TV_SZV)" userId="b210a36d-96bf-4faa-a100-09ca5f208414" providerId="ADAL" clId="{B069C6DC-6FA6-42FE-855E-9DB3D543A254}" dt="2024-06-20T10:39:36.360" v="1281"/>
          <ac:spMkLst>
            <pc:docMk/>
            <pc:sldMk cId="2178607139" sldId="291"/>
            <ac:spMk id="7" creationId="{6B6A934D-B484-BE77-B70A-7717762ED4F9}"/>
          </ac:spMkLst>
        </pc:spChg>
        <pc:graphicFrameChg chg="add mod">
          <ac:chgData name="Graaf, T.C.D. van de (Tim) (TV_SZV)" userId="b210a36d-96bf-4faa-a100-09ca5f208414" providerId="ADAL" clId="{B069C6DC-6FA6-42FE-855E-9DB3D543A254}" dt="2024-06-20T10:39:36.360" v="1281"/>
          <ac:graphicFrameMkLst>
            <pc:docMk/>
            <pc:sldMk cId="2178607139" sldId="291"/>
            <ac:graphicFrameMk id="6" creationId="{38B90BAA-B203-EFFB-99E1-6A9F13204250}"/>
          </ac:graphicFrameMkLst>
        </pc:graphicFrameChg>
      </pc:sldChg>
      <pc:sldChg chg="new del">
        <pc:chgData name="Graaf, T.C.D. van de (Tim) (TV_SZV)" userId="b210a36d-96bf-4faa-a100-09ca5f208414" providerId="ADAL" clId="{B069C6DC-6FA6-42FE-855E-9DB3D543A254}" dt="2024-06-27T15:33:10.989" v="1580" actId="2696"/>
        <pc:sldMkLst>
          <pc:docMk/>
          <pc:sldMk cId="272570325" sldId="292"/>
        </pc:sldMkLst>
      </pc:sldChg>
      <pc:sldChg chg="add del">
        <pc:chgData name="Graaf, T.C.D. van de (Tim) (TV_SZV)" userId="b210a36d-96bf-4faa-a100-09ca5f208414" providerId="ADAL" clId="{B069C6DC-6FA6-42FE-855E-9DB3D543A254}" dt="2024-06-20T10:45:04.314" v="1409" actId="2696"/>
        <pc:sldMkLst>
          <pc:docMk/>
          <pc:sldMk cId="2246376147" sldId="292"/>
        </pc:sldMkLst>
      </pc:sldChg>
      <pc:sldChg chg="modSp add mod ord">
        <pc:chgData name="Graaf, T.C.D. van de (Tim) (TV_SZV)" userId="b210a36d-96bf-4faa-a100-09ca5f208414" providerId="ADAL" clId="{B069C6DC-6FA6-42FE-855E-9DB3D543A254}" dt="2024-06-27T15:32:30.246" v="1579"/>
        <pc:sldMkLst>
          <pc:docMk/>
          <pc:sldMk cId="222654888" sldId="293"/>
        </pc:sldMkLst>
        <pc:spChg chg="mod">
          <ac:chgData name="Graaf, T.C.D. van de (Tim) (TV_SZV)" userId="b210a36d-96bf-4faa-a100-09ca5f208414" providerId="ADAL" clId="{B069C6DC-6FA6-42FE-855E-9DB3D543A254}" dt="2024-06-27T15:32:30.246" v="1579"/>
          <ac:spMkLst>
            <pc:docMk/>
            <pc:sldMk cId="222654888" sldId="293"/>
            <ac:spMk id="2" creationId="{82B6B050-0F12-83BB-FE16-DCE790E553A9}"/>
          </ac:spMkLst>
        </pc:spChg>
      </pc:sldChg>
      <pc:sldChg chg="del">
        <pc:chgData name="Graaf, T.C.D. van de (Tim) (TV_SZV)" userId="b210a36d-96bf-4faa-a100-09ca5f208414" providerId="ADAL" clId="{B069C6DC-6FA6-42FE-855E-9DB3D543A254}" dt="2024-06-27T15:33:41.657" v="1582" actId="2696"/>
        <pc:sldMkLst>
          <pc:docMk/>
          <pc:sldMk cId="519756436" sldId="294"/>
        </pc:sldMkLst>
      </pc:sldChg>
      <pc:sldChg chg="add">
        <pc:chgData name="Graaf, T.C.D. van de (Tim) (TV_SZV)" userId="b210a36d-96bf-4faa-a100-09ca5f208414" providerId="ADAL" clId="{B069C6DC-6FA6-42FE-855E-9DB3D543A254}" dt="2024-06-27T15:33:26.895" v="1581"/>
        <pc:sldMkLst>
          <pc:docMk/>
          <pc:sldMk cId="3211455557" sldId="551"/>
        </pc:sldMkLst>
      </pc:sldChg>
      <pc:sldChg chg="add">
        <pc:chgData name="Graaf, T.C.D. van de (Tim) (TV_SZV)" userId="b210a36d-96bf-4faa-a100-09ca5f208414" providerId="ADAL" clId="{B069C6DC-6FA6-42FE-855E-9DB3D543A254}" dt="2024-06-27T15:42:28.257" v="1583"/>
        <pc:sldMkLst>
          <pc:docMk/>
          <pc:sldMk cId="587978026" sldId="552"/>
        </pc:sldMkLst>
      </pc:sldChg>
    </pc:docChg>
  </pc:docChgLst>
  <pc:docChgLst>
    <pc:chgData name="Duijn, L.W. van (Leen) (TV_SZV)" userId="S::l.w.van.duijn@dnb.nl::724dab36-63a2-479b-8212-9c5e0d106c4d" providerId="AD" clId="Web-{7A59EF17-CB55-FD69-148F-A7A4726140AC}"/>
    <pc:docChg chg="sldOrd">
      <pc:chgData name="Duijn, L.W. van (Leen) (TV_SZV)" userId="S::l.w.van.duijn@dnb.nl::724dab36-63a2-479b-8212-9c5e0d106c4d" providerId="AD" clId="Web-{7A59EF17-CB55-FD69-148F-A7A4726140AC}" dt="2024-06-20T11:06:05.910" v="0"/>
      <pc:docMkLst>
        <pc:docMk/>
      </pc:docMkLst>
      <pc:sldChg chg="ord">
        <pc:chgData name="Duijn, L.W. van (Leen) (TV_SZV)" userId="S::l.w.van.duijn@dnb.nl::724dab36-63a2-479b-8212-9c5e0d106c4d" providerId="AD" clId="Web-{7A59EF17-CB55-FD69-148F-A7A4726140AC}" dt="2024-06-20T11:06:05.910" v="0"/>
        <pc:sldMkLst>
          <pc:docMk/>
          <pc:sldMk cId="3203130721" sldId="284"/>
        </pc:sldMkLst>
      </pc:sldChg>
    </pc:docChg>
  </pc:docChgLst>
  <pc:docChgLst>
    <pc:chgData name="Graaf, T.C.D. van de (Tim) (TV_SZV)" userId="b210a36d-96bf-4faa-a100-09ca5f208414" providerId="ADAL" clId="{E26BB67C-F476-4B28-B9B6-DF07151C5F9A}"/>
    <pc:docChg chg="undo redo custSel addSld delSld modSld sldOrd addSection modSection">
      <pc:chgData name="Graaf, T.C.D. van de (Tim) (TV_SZV)" userId="b210a36d-96bf-4faa-a100-09ca5f208414" providerId="ADAL" clId="{E26BB67C-F476-4B28-B9B6-DF07151C5F9A}" dt="2024-06-17T13:47:08.766" v="12289"/>
      <pc:docMkLst>
        <pc:docMk/>
      </pc:docMkLst>
      <pc:sldChg chg="modSp mod">
        <pc:chgData name="Graaf, T.C.D. van de (Tim) (TV_SZV)" userId="b210a36d-96bf-4faa-a100-09ca5f208414" providerId="ADAL" clId="{E26BB67C-F476-4B28-B9B6-DF07151C5F9A}" dt="2024-06-03T10:17:26.735" v="1583" actId="14100"/>
        <pc:sldMkLst>
          <pc:docMk/>
          <pc:sldMk cId="1096815133" sldId="262"/>
        </pc:sldMkLst>
        <pc:spChg chg="mod">
          <ac:chgData name="Graaf, T.C.D. van de (Tim) (TV_SZV)" userId="b210a36d-96bf-4faa-a100-09ca5f208414" providerId="ADAL" clId="{E26BB67C-F476-4B28-B9B6-DF07151C5F9A}" dt="2024-06-03T10:17:26.735" v="1583" actId="14100"/>
          <ac:spMkLst>
            <pc:docMk/>
            <pc:sldMk cId="1096815133" sldId="262"/>
            <ac:spMk id="10" creationId="{5A7CC602-B70A-805D-59A2-7E075C0B76E1}"/>
          </ac:spMkLst>
        </pc:spChg>
      </pc:sldChg>
      <pc:sldChg chg="modSp mod modNotesTx">
        <pc:chgData name="Graaf, T.C.D. van de (Tim) (TV_SZV)" userId="b210a36d-96bf-4faa-a100-09ca5f208414" providerId="ADAL" clId="{E26BB67C-F476-4B28-B9B6-DF07151C5F9A}" dt="2024-06-05T11:54:41.841" v="7077" actId="20577"/>
        <pc:sldMkLst>
          <pc:docMk/>
          <pc:sldMk cId="2066146231" sldId="263"/>
        </pc:sldMkLst>
        <pc:spChg chg="mod">
          <ac:chgData name="Graaf, T.C.D. van de (Tim) (TV_SZV)" userId="b210a36d-96bf-4faa-a100-09ca5f208414" providerId="ADAL" clId="{E26BB67C-F476-4B28-B9B6-DF07151C5F9A}" dt="2024-06-03T11:51:00.335" v="3858" actId="20577"/>
          <ac:spMkLst>
            <pc:docMk/>
            <pc:sldMk cId="2066146231" sldId="263"/>
            <ac:spMk id="4" creationId="{EC7E6EFB-AB1B-B1DB-60AC-B82E6969E915}"/>
          </ac:spMkLst>
        </pc:spChg>
      </pc:sldChg>
      <pc:sldChg chg="del">
        <pc:chgData name="Graaf, T.C.D. van de (Tim) (TV_SZV)" userId="b210a36d-96bf-4faa-a100-09ca5f208414" providerId="ADAL" clId="{E26BB67C-F476-4B28-B9B6-DF07151C5F9A}" dt="2024-05-15T07:19:16.213" v="169" actId="2696"/>
        <pc:sldMkLst>
          <pc:docMk/>
          <pc:sldMk cId="3535432032" sldId="265"/>
        </pc:sldMkLst>
      </pc:sldChg>
      <pc:sldChg chg="del">
        <pc:chgData name="Graaf, T.C.D. van de (Tim) (TV_SZV)" userId="b210a36d-96bf-4faa-a100-09ca5f208414" providerId="ADAL" clId="{E26BB67C-F476-4B28-B9B6-DF07151C5F9A}" dt="2024-05-15T06:55:55.834" v="168" actId="2696"/>
        <pc:sldMkLst>
          <pc:docMk/>
          <pc:sldMk cId="2613606874" sldId="266"/>
        </pc:sldMkLst>
      </pc:sldChg>
      <pc:sldChg chg="addSp delSp modSp mod">
        <pc:chgData name="Graaf, T.C.D. van de (Tim) (TV_SZV)" userId="b210a36d-96bf-4faa-a100-09ca5f208414" providerId="ADAL" clId="{E26BB67C-F476-4B28-B9B6-DF07151C5F9A}" dt="2024-05-31T11:32:28.263" v="406" actId="1076"/>
        <pc:sldMkLst>
          <pc:docMk/>
          <pc:sldMk cId="330705974" sldId="267"/>
        </pc:sldMkLst>
        <pc:spChg chg="del mod">
          <ac:chgData name="Graaf, T.C.D. van de (Tim) (TV_SZV)" userId="b210a36d-96bf-4faa-a100-09ca5f208414" providerId="ADAL" clId="{E26BB67C-F476-4B28-B9B6-DF07151C5F9A}" dt="2024-05-31T11:31:42.473" v="403" actId="21"/>
          <ac:spMkLst>
            <pc:docMk/>
            <pc:sldMk cId="330705974" sldId="267"/>
            <ac:spMk id="5" creationId="{E04035D1-55B2-3E7D-48ED-DC86263B79FD}"/>
          </ac:spMkLst>
        </pc:spChg>
        <pc:picChg chg="add mod">
          <ac:chgData name="Graaf, T.C.D. van de (Tim) (TV_SZV)" userId="b210a36d-96bf-4faa-a100-09ca5f208414" providerId="ADAL" clId="{E26BB67C-F476-4B28-B9B6-DF07151C5F9A}" dt="2024-05-31T11:32:28.263" v="406" actId="1076"/>
          <ac:picMkLst>
            <pc:docMk/>
            <pc:sldMk cId="330705974" sldId="267"/>
            <ac:picMk id="4" creationId="{A7C7731F-FF14-138E-F337-3D1545030396}"/>
          </ac:picMkLst>
        </pc:picChg>
      </pc:sldChg>
      <pc:sldChg chg="ord">
        <pc:chgData name="Graaf, T.C.D. van de (Tim) (TV_SZV)" userId="b210a36d-96bf-4faa-a100-09ca5f208414" providerId="ADAL" clId="{E26BB67C-F476-4B28-B9B6-DF07151C5F9A}" dt="2024-05-31T11:35:00.874" v="453" actId="20578"/>
        <pc:sldMkLst>
          <pc:docMk/>
          <pc:sldMk cId="144927065" sldId="268"/>
        </pc:sldMkLst>
      </pc:sldChg>
      <pc:sldChg chg="modSp mod modNotesTx">
        <pc:chgData name="Graaf, T.C.D. van de (Tim) (TV_SZV)" userId="b210a36d-96bf-4faa-a100-09ca5f208414" providerId="ADAL" clId="{E26BB67C-F476-4B28-B9B6-DF07151C5F9A}" dt="2024-06-03T10:26:03.634" v="2151" actId="20577"/>
        <pc:sldMkLst>
          <pc:docMk/>
          <pc:sldMk cId="1163821806" sldId="269"/>
        </pc:sldMkLst>
        <pc:picChg chg="mod">
          <ac:chgData name="Graaf, T.C.D. van de (Tim) (TV_SZV)" userId="b210a36d-96bf-4faa-a100-09ca5f208414" providerId="ADAL" clId="{E26BB67C-F476-4B28-B9B6-DF07151C5F9A}" dt="2024-06-03T10:18:47.573" v="1585" actId="1076"/>
          <ac:picMkLst>
            <pc:docMk/>
            <pc:sldMk cId="1163821806" sldId="269"/>
            <ac:picMk id="6" creationId="{9AC12962-B4B0-800B-E294-A4D0304C1856}"/>
          </ac:picMkLst>
        </pc:picChg>
      </pc:sldChg>
      <pc:sldChg chg="addSp modSp mod modNotesTx">
        <pc:chgData name="Graaf, T.C.D. van de (Tim) (TV_SZV)" userId="b210a36d-96bf-4faa-a100-09ca5f208414" providerId="ADAL" clId="{E26BB67C-F476-4B28-B9B6-DF07151C5F9A}" dt="2024-06-03T10:47:28.468" v="3654" actId="20577"/>
        <pc:sldMkLst>
          <pc:docMk/>
          <pc:sldMk cId="1268542576" sldId="270"/>
        </pc:sldMkLst>
        <pc:spChg chg="mod">
          <ac:chgData name="Graaf, T.C.D. van de (Tim) (TV_SZV)" userId="b210a36d-96bf-4faa-a100-09ca5f208414" providerId="ADAL" clId="{E26BB67C-F476-4B28-B9B6-DF07151C5F9A}" dt="2024-06-03T08:22:36.885" v="854" actId="20577"/>
          <ac:spMkLst>
            <pc:docMk/>
            <pc:sldMk cId="1268542576" sldId="270"/>
            <ac:spMk id="2" creationId="{577F42C0-735B-09BC-ECAB-E1BB6520431D}"/>
          </ac:spMkLst>
        </pc:spChg>
        <pc:spChg chg="add mod">
          <ac:chgData name="Graaf, T.C.D. van de (Tim) (TV_SZV)" userId="b210a36d-96bf-4faa-a100-09ca5f208414" providerId="ADAL" clId="{E26BB67C-F476-4B28-B9B6-DF07151C5F9A}" dt="2024-06-03T10:31:50.168" v="2399" actId="1076"/>
          <ac:spMkLst>
            <pc:docMk/>
            <pc:sldMk cId="1268542576" sldId="270"/>
            <ac:spMk id="5" creationId="{2ACFD973-0534-5415-E091-BAE5E2912B40}"/>
          </ac:spMkLst>
        </pc:spChg>
        <pc:spChg chg="mod">
          <ac:chgData name="Graaf, T.C.D. van de (Tim) (TV_SZV)" userId="b210a36d-96bf-4faa-a100-09ca5f208414" providerId="ADAL" clId="{E26BB67C-F476-4B28-B9B6-DF07151C5F9A}" dt="2024-06-03T08:23:21.331" v="874" actId="207"/>
          <ac:spMkLst>
            <pc:docMk/>
            <pc:sldMk cId="1268542576" sldId="270"/>
            <ac:spMk id="17" creationId="{4D645C46-D4A1-38D6-D81D-D3D6A6C5DE61}"/>
          </ac:spMkLst>
        </pc:spChg>
        <pc:cxnChg chg="add mod">
          <ac:chgData name="Graaf, T.C.D. van de (Tim) (TV_SZV)" userId="b210a36d-96bf-4faa-a100-09ca5f208414" providerId="ADAL" clId="{E26BB67C-F476-4B28-B9B6-DF07151C5F9A}" dt="2024-06-03T10:31:07.006" v="2378" actId="1076"/>
          <ac:cxnSpMkLst>
            <pc:docMk/>
            <pc:sldMk cId="1268542576" sldId="270"/>
            <ac:cxnSpMk id="4" creationId="{1ABF3649-1C73-53EF-1BC5-D7D21207945E}"/>
          </ac:cxnSpMkLst>
        </pc:cxnChg>
      </pc:sldChg>
      <pc:sldChg chg="addSp delSp modSp new mod">
        <pc:chgData name="Graaf, T.C.D. van de (Tim) (TV_SZV)" userId="b210a36d-96bf-4faa-a100-09ca5f208414" providerId="ADAL" clId="{E26BB67C-F476-4B28-B9B6-DF07151C5F9A}" dt="2024-05-15T07:20:29.388" v="228" actId="1076"/>
        <pc:sldMkLst>
          <pc:docMk/>
          <pc:sldMk cId="4124128851" sldId="271"/>
        </pc:sldMkLst>
        <pc:spChg chg="mod">
          <ac:chgData name="Graaf, T.C.D. van de (Tim) (TV_SZV)" userId="b210a36d-96bf-4faa-a100-09ca5f208414" providerId="ADAL" clId="{E26BB67C-F476-4B28-B9B6-DF07151C5F9A}" dt="2024-05-15T07:19:38.697" v="188" actId="20577"/>
          <ac:spMkLst>
            <pc:docMk/>
            <pc:sldMk cId="4124128851" sldId="271"/>
            <ac:spMk id="2" creationId="{F9E17504-4F66-AA4F-0C6E-1854653BC43C}"/>
          </ac:spMkLst>
        </pc:spChg>
        <pc:spChg chg="mod">
          <ac:chgData name="Graaf, T.C.D. van de (Tim) (TV_SZV)" userId="b210a36d-96bf-4faa-a100-09ca5f208414" providerId="ADAL" clId="{E26BB67C-F476-4B28-B9B6-DF07151C5F9A}" dt="2024-05-15T07:20:29.388" v="228" actId="1076"/>
          <ac:spMkLst>
            <pc:docMk/>
            <pc:sldMk cId="4124128851" sldId="271"/>
            <ac:spMk id="4" creationId="{3779D7D4-9605-102A-7F55-0D5095B04B38}"/>
          </ac:spMkLst>
        </pc:spChg>
        <pc:spChg chg="del">
          <ac:chgData name="Graaf, T.C.D. van de (Tim) (TV_SZV)" userId="b210a36d-96bf-4faa-a100-09ca5f208414" providerId="ADAL" clId="{E26BB67C-F476-4B28-B9B6-DF07151C5F9A}" dt="2024-05-15T07:19:27.987" v="171" actId="21"/>
          <ac:spMkLst>
            <pc:docMk/>
            <pc:sldMk cId="4124128851" sldId="271"/>
            <ac:spMk id="5" creationId="{20C7B399-0076-505F-4230-B3CD7B7C6B4C}"/>
          </ac:spMkLst>
        </pc:spChg>
        <pc:spChg chg="add del mod">
          <ac:chgData name="Graaf, T.C.D. van de (Tim) (TV_SZV)" userId="b210a36d-96bf-4faa-a100-09ca5f208414" providerId="ADAL" clId="{E26BB67C-F476-4B28-B9B6-DF07151C5F9A}" dt="2024-05-15T07:19:32.282" v="173" actId="21"/>
          <ac:spMkLst>
            <pc:docMk/>
            <pc:sldMk cId="4124128851" sldId="271"/>
            <ac:spMk id="6" creationId="{20C7B399-0076-505F-4230-B3CD7B7C6B4C}"/>
          </ac:spMkLst>
        </pc:spChg>
        <pc:picChg chg="add mod">
          <ac:chgData name="Graaf, T.C.D. van de (Tim) (TV_SZV)" userId="b210a36d-96bf-4faa-a100-09ca5f208414" providerId="ADAL" clId="{E26BB67C-F476-4B28-B9B6-DF07151C5F9A}" dt="2024-05-15T07:20:26.492" v="227" actId="1076"/>
          <ac:picMkLst>
            <pc:docMk/>
            <pc:sldMk cId="4124128851" sldId="271"/>
            <ac:picMk id="1026" creationId="{20CF5C76-4E0C-D8CC-F43C-DDADEE51FCBD}"/>
          </ac:picMkLst>
        </pc:picChg>
      </pc:sldChg>
      <pc:sldChg chg="delSp modSp new mod">
        <pc:chgData name="Graaf, T.C.D. van de (Tim) (TV_SZV)" userId="b210a36d-96bf-4faa-a100-09ca5f208414" providerId="ADAL" clId="{E26BB67C-F476-4B28-B9B6-DF07151C5F9A}" dt="2024-06-12T08:55:36.159" v="9595" actId="207"/>
        <pc:sldMkLst>
          <pc:docMk/>
          <pc:sldMk cId="1734913122" sldId="272"/>
        </pc:sldMkLst>
        <pc:spChg chg="mod">
          <ac:chgData name="Graaf, T.C.D. van de (Tim) (TV_SZV)" userId="b210a36d-96bf-4faa-a100-09ca5f208414" providerId="ADAL" clId="{E26BB67C-F476-4B28-B9B6-DF07151C5F9A}" dt="2024-06-03T07:45:59.864" v="819" actId="5793"/>
          <ac:spMkLst>
            <pc:docMk/>
            <pc:sldMk cId="1734913122" sldId="272"/>
            <ac:spMk id="2" creationId="{F5666797-3D3C-46BB-F47A-3E8454B1FF5E}"/>
          </ac:spMkLst>
        </pc:spChg>
        <pc:spChg chg="mod">
          <ac:chgData name="Graaf, T.C.D. van de (Tim) (TV_SZV)" userId="b210a36d-96bf-4faa-a100-09ca5f208414" providerId="ADAL" clId="{E26BB67C-F476-4B28-B9B6-DF07151C5F9A}" dt="2024-06-12T08:55:32.059" v="9594" actId="207"/>
          <ac:spMkLst>
            <pc:docMk/>
            <pc:sldMk cId="1734913122" sldId="272"/>
            <ac:spMk id="4" creationId="{D9EF2819-C523-743A-395B-2284D1F37E43}"/>
          </ac:spMkLst>
        </pc:spChg>
        <pc:spChg chg="del">
          <ac:chgData name="Graaf, T.C.D. van de (Tim) (TV_SZV)" userId="b210a36d-96bf-4faa-a100-09ca5f208414" providerId="ADAL" clId="{E26BB67C-F476-4B28-B9B6-DF07151C5F9A}" dt="2024-05-31T11:17:11.111" v="329" actId="21"/>
          <ac:spMkLst>
            <pc:docMk/>
            <pc:sldMk cId="1734913122" sldId="272"/>
            <ac:spMk id="5" creationId="{8894E007-4BFA-A4EE-2537-2F3F6F940E96}"/>
          </ac:spMkLst>
        </pc:spChg>
        <pc:spChg chg="mod">
          <ac:chgData name="Graaf, T.C.D. van de (Tim) (TV_SZV)" userId="b210a36d-96bf-4faa-a100-09ca5f208414" providerId="ADAL" clId="{E26BB67C-F476-4B28-B9B6-DF07151C5F9A}" dt="2024-06-12T08:55:36.159" v="9595" actId="207"/>
          <ac:spMkLst>
            <pc:docMk/>
            <pc:sldMk cId="1734913122" sldId="272"/>
            <ac:spMk id="6" creationId="{8529E5DF-C0ED-F730-79F4-AEC5F3D2639C}"/>
          </ac:spMkLst>
        </pc:spChg>
      </pc:sldChg>
      <pc:sldChg chg="modSp add mod ord">
        <pc:chgData name="Graaf, T.C.D. van de (Tim) (TV_SZV)" userId="b210a36d-96bf-4faa-a100-09ca5f208414" providerId="ADAL" clId="{E26BB67C-F476-4B28-B9B6-DF07151C5F9A}" dt="2024-05-31T11:35:59.281" v="464" actId="1036"/>
        <pc:sldMkLst>
          <pc:docMk/>
          <pc:sldMk cId="2222143191" sldId="273"/>
        </pc:sldMkLst>
        <pc:spChg chg="mod">
          <ac:chgData name="Graaf, T.C.D. van de (Tim) (TV_SZV)" userId="b210a36d-96bf-4faa-a100-09ca5f208414" providerId="ADAL" clId="{E26BB67C-F476-4B28-B9B6-DF07151C5F9A}" dt="2024-05-31T11:35:59.281" v="464" actId="1036"/>
          <ac:spMkLst>
            <pc:docMk/>
            <pc:sldMk cId="2222143191" sldId="273"/>
            <ac:spMk id="2" creationId="{82B6B050-0F12-83BB-FE16-DCE790E553A9}"/>
          </ac:spMkLst>
        </pc:spChg>
      </pc:sldChg>
      <pc:sldChg chg="addSp delSp modSp new mod ord modClrScheme chgLayout">
        <pc:chgData name="Graaf, T.C.D. van de (Tim) (TV_SZV)" userId="b210a36d-96bf-4faa-a100-09ca5f208414" providerId="ADAL" clId="{E26BB67C-F476-4B28-B9B6-DF07151C5F9A}" dt="2024-06-17T13:26:34.722" v="11933" actId="1035"/>
        <pc:sldMkLst>
          <pc:docMk/>
          <pc:sldMk cId="3976012057" sldId="274"/>
        </pc:sldMkLst>
        <pc:spChg chg="mod ord">
          <ac:chgData name="Graaf, T.C.D. van de (Tim) (TV_SZV)" userId="b210a36d-96bf-4faa-a100-09ca5f208414" providerId="ADAL" clId="{E26BB67C-F476-4B28-B9B6-DF07151C5F9A}" dt="2024-06-13T14:46:25.363" v="11607" actId="20577"/>
          <ac:spMkLst>
            <pc:docMk/>
            <pc:sldMk cId="3976012057" sldId="274"/>
            <ac:spMk id="2" creationId="{B4127D8E-DF33-A89B-2547-44A4DDBEF668}"/>
          </ac:spMkLst>
        </pc:spChg>
        <pc:spChg chg="mod">
          <ac:chgData name="Graaf, T.C.D. van de (Tim) (TV_SZV)" userId="b210a36d-96bf-4faa-a100-09ca5f208414" providerId="ADAL" clId="{E26BB67C-F476-4B28-B9B6-DF07151C5F9A}" dt="2024-06-04T14:34:36.643" v="5915" actId="26606"/>
          <ac:spMkLst>
            <pc:docMk/>
            <pc:sldMk cId="3976012057" sldId="274"/>
            <ac:spMk id="3" creationId="{771D2D08-FE6B-8A4B-E255-8A7CCC12B9EC}"/>
          </ac:spMkLst>
        </pc:spChg>
        <pc:spChg chg="del mod">
          <ac:chgData name="Graaf, T.C.D. van de (Tim) (TV_SZV)" userId="b210a36d-96bf-4faa-a100-09ca5f208414" providerId="ADAL" clId="{E26BB67C-F476-4B28-B9B6-DF07151C5F9A}" dt="2024-06-03T07:57:24.277" v="849" actId="21"/>
          <ac:spMkLst>
            <pc:docMk/>
            <pc:sldMk cId="3976012057" sldId="274"/>
            <ac:spMk id="4" creationId="{5EE064DF-8C6D-AADA-79AA-88326ACD45A8}"/>
          </ac:spMkLst>
        </pc:spChg>
        <pc:spChg chg="add mod">
          <ac:chgData name="Graaf, T.C.D. van de (Tim) (TV_SZV)" userId="b210a36d-96bf-4faa-a100-09ca5f208414" providerId="ADAL" clId="{E26BB67C-F476-4B28-B9B6-DF07151C5F9A}" dt="2024-06-17T11:46:10.888" v="11909" actId="20577"/>
          <ac:spMkLst>
            <pc:docMk/>
            <pc:sldMk cId="3976012057" sldId="274"/>
            <ac:spMk id="4" creationId="{7368E9A9-1B63-0387-253F-0C8E365EF812}"/>
          </ac:spMkLst>
        </pc:spChg>
        <pc:spChg chg="del">
          <ac:chgData name="Graaf, T.C.D. van de (Tim) (TV_SZV)" userId="b210a36d-96bf-4faa-a100-09ca5f208414" providerId="ADAL" clId="{E26BB67C-F476-4B28-B9B6-DF07151C5F9A}" dt="2024-06-03T07:47:57.171" v="846" actId="21"/>
          <ac:spMkLst>
            <pc:docMk/>
            <pc:sldMk cId="3976012057" sldId="274"/>
            <ac:spMk id="5" creationId="{4867A6BD-315B-14BF-6DCB-42118734B33F}"/>
          </ac:spMkLst>
        </pc:spChg>
        <pc:spChg chg="add del mod">
          <ac:chgData name="Graaf, T.C.D. van de (Tim) (TV_SZV)" userId="b210a36d-96bf-4faa-a100-09ca5f208414" providerId="ADAL" clId="{E26BB67C-F476-4B28-B9B6-DF07151C5F9A}" dt="2024-06-04T14:34:36.643" v="5914" actId="26606"/>
          <ac:spMkLst>
            <pc:docMk/>
            <pc:sldMk cId="3976012057" sldId="274"/>
            <ac:spMk id="11" creationId="{BC220A33-24D2-182B-7A6A-0224F523DB27}"/>
          </ac:spMkLst>
        </pc:spChg>
        <pc:spChg chg="add del mod">
          <ac:chgData name="Graaf, T.C.D. van de (Tim) (TV_SZV)" userId="b210a36d-96bf-4faa-a100-09ca5f208414" providerId="ADAL" clId="{E26BB67C-F476-4B28-B9B6-DF07151C5F9A}" dt="2024-06-04T14:42:10.179" v="5947" actId="12084"/>
          <ac:spMkLst>
            <pc:docMk/>
            <pc:sldMk cId="3976012057" sldId="274"/>
            <ac:spMk id="13" creationId="{051DFBF2-14EF-EDDE-36A0-55A858440333}"/>
          </ac:spMkLst>
        </pc:spChg>
        <pc:graphicFrameChg chg="add del mod modGraphic">
          <ac:chgData name="Graaf, T.C.D. van de (Tim) (TV_SZV)" userId="b210a36d-96bf-4faa-a100-09ca5f208414" providerId="ADAL" clId="{E26BB67C-F476-4B28-B9B6-DF07151C5F9A}" dt="2024-06-04T14:31:23.924" v="5891" actId="21"/>
          <ac:graphicFrameMkLst>
            <pc:docMk/>
            <pc:sldMk cId="3976012057" sldId="274"/>
            <ac:graphicFrameMk id="4" creationId="{7787E6C6-5719-1F15-F68E-9F4D6D25C78C}"/>
          </ac:graphicFrameMkLst>
        </pc:graphicFrameChg>
        <pc:graphicFrameChg chg="add del mod">
          <ac:chgData name="Graaf, T.C.D. van de (Tim) (TV_SZV)" userId="b210a36d-96bf-4faa-a100-09ca5f208414" providerId="ADAL" clId="{E26BB67C-F476-4B28-B9B6-DF07151C5F9A}" dt="2024-06-04T15:04:25.882" v="6993" actId="21"/>
          <ac:graphicFrameMkLst>
            <pc:docMk/>
            <pc:sldMk cId="3976012057" sldId="274"/>
            <ac:graphicFrameMk id="14" creationId="{20C5CC43-3A56-2C25-3364-01A6AABFF02E}"/>
          </ac:graphicFrameMkLst>
        </pc:graphicFrameChg>
        <pc:graphicFrameChg chg="add mod">
          <ac:chgData name="Graaf, T.C.D. van de (Tim) (TV_SZV)" userId="b210a36d-96bf-4faa-a100-09ca5f208414" providerId="ADAL" clId="{E26BB67C-F476-4B28-B9B6-DF07151C5F9A}" dt="2024-06-04T15:06:47.419" v="6996"/>
          <ac:graphicFrameMkLst>
            <pc:docMk/>
            <pc:sldMk cId="3976012057" sldId="274"/>
            <ac:graphicFrameMk id="15" creationId="{3E59C8D7-D9C3-1D76-4412-4DA28C2FC661}"/>
          </ac:graphicFrameMkLst>
        </pc:graphicFrameChg>
        <pc:picChg chg="add del mod">
          <ac:chgData name="Graaf, T.C.D. van de (Tim) (TV_SZV)" userId="b210a36d-96bf-4faa-a100-09ca5f208414" providerId="ADAL" clId="{E26BB67C-F476-4B28-B9B6-DF07151C5F9A}" dt="2024-06-17T13:25:44.648" v="11916" actId="21"/>
          <ac:picMkLst>
            <pc:docMk/>
            <pc:sldMk cId="3976012057" sldId="274"/>
            <ac:picMk id="5" creationId="{0FE0A422-7BBB-83D0-A143-221BCCBD7362}"/>
          </ac:picMkLst>
        </pc:picChg>
        <pc:picChg chg="add del mod">
          <ac:chgData name="Graaf, T.C.D. van de (Tim) (TV_SZV)" userId="b210a36d-96bf-4faa-a100-09ca5f208414" providerId="ADAL" clId="{E26BB67C-F476-4B28-B9B6-DF07151C5F9A}" dt="2024-06-04T14:33:44.116" v="5900" actId="21"/>
          <ac:picMkLst>
            <pc:docMk/>
            <pc:sldMk cId="3976012057" sldId="274"/>
            <ac:picMk id="5" creationId="{FF049D57-9836-20F5-F12A-58196C2B1EF8}"/>
          </ac:picMkLst>
        </pc:picChg>
        <pc:picChg chg="add mod">
          <ac:chgData name="Graaf, T.C.D. van de (Tim) (TV_SZV)" userId="b210a36d-96bf-4faa-a100-09ca5f208414" providerId="ADAL" clId="{E26BB67C-F476-4B28-B9B6-DF07151C5F9A}" dt="2024-06-17T13:26:34.722" v="11933" actId="1035"/>
          <ac:picMkLst>
            <pc:docMk/>
            <pc:sldMk cId="3976012057" sldId="274"/>
            <ac:picMk id="6" creationId="{116D8478-B76B-6537-8A47-0BD74AE8C2DC}"/>
          </ac:picMkLst>
        </pc:picChg>
        <pc:picChg chg="add del mod">
          <ac:chgData name="Graaf, T.C.D. van de (Tim) (TV_SZV)" userId="b210a36d-96bf-4faa-a100-09ca5f208414" providerId="ADAL" clId="{E26BB67C-F476-4B28-B9B6-DF07151C5F9A}" dt="2024-06-03T08:47:17.297" v="1122" actId="21"/>
          <ac:picMkLst>
            <pc:docMk/>
            <pc:sldMk cId="3976012057" sldId="274"/>
            <ac:picMk id="6" creationId="{993EE280-D378-ADB6-9F5C-61E0D1B18B97}"/>
          </ac:picMkLst>
        </pc:picChg>
        <pc:picChg chg="add del mod">
          <ac:chgData name="Graaf, T.C.D. van de (Tim) (TV_SZV)" userId="b210a36d-96bf-4faa-a100-09ca5f208414" providerId="ADAL" clId="{E26BB67C-F476-4B28-B9B6-DF07151C5F9A}" dt="2024-06-04T14:34:47.866" v="5916" actId="21"/>
          <ac:picMkLst>
            <pc:docMk/>
            <pc:sldMk cId="3976012057" sldId="274"/>
            <ac:picMk id="6" creationId="{C63F7E6A-EAC6-DC29-5D23-E877CE298601}"/>
          </ac:picMkLst>
        </pc:picChg>
        <pc:picChg chg="add del mod">
          <ac:chgData name="Graaf, T.C.D. van de (Tim) (TV_SZV)" userId="b210a36d-96bf-4faa-a100-09ca5f208414" providerId="ADAL" clId="{E26BB67C-F476-4B28-B9B6-DF07151C5F9A}" dt="2024-06-04T14:35:59.016" v="5932" actId="21"/>
          <ac:picMkLst>
            <pc:docMk/>
            <pc:sldMk cId="3976012057" sldId="274"/>
            <ac:picMk id="7" creationId="{01B10431-5EF0-9FAC-4572-A3B7E9ECDBDC}"/>
          </ac:picMkLst>
        </pc:picChg>
        <pc:picChg chg="add del mod">
          <ac:chgData name="Graaf, T.C.D. van de (Tim) (TV_SZV)" userId="b210a36d-96bf-4faa-a100-09ca5f208414" providerId="ADAL" clId="{E26BB67C-F476-4B28-B9B6-DF07151C5F9A}" dt="2024-06-03T10:15:20.427" v="1561" actId="21"/>
          <ac:picMkLst>
            <pc:docMk/>
            <pc:sldMk cId="3976012057" sldId="274"/>
            <ac:picMk id="7" creationId="{0A735651-0170-B114-DB0E-39481B35DF12}"/>
          </ac:picMkLst>
        </pc:picChg>
        <pc:picChg chg="add del mod">
          <ac:chgData name="Graaf, T.C.D. van de (Tim) (TV_SZV)" userId="b210a36d-96bf-4faa-a100-09ca5f208414" providerId="ADAL" clId="{E26BB67C-F476-4B28-B9B6-DF07151C5F9A}" dt="2024-06-04T14:33:20.794" v="5892" actId="21"/>
          <ac:picMkLst>
            <pc:docMk/>
            <pc:sldMk cId="3976012057" sldId="274"/>
            <ac:picMk id="8" creationId="{70542467-59A6-9FFF-FE01-1A362259EAC2}"/>
          </ac:picMkLst>
        </pc:picChg>
        <pc:picChg chg="add del mod">
          <ac:chgData name="Graaf, T.C.D. van de (Tim) (TV_SZV)" userId="b210a36d-96bf-4faa-a100-09ca5f208414" providerId="ADAL" clId="{E26BB67C-F476-4B28-B9B6-DF07151C5F9A}" dt="2024-06-04T14:38:02.365" v="5938" actId="21"/>
          <ac:picMkLst>
            <pc:docMk/>
            <pc:sldMk cId="3976012057" sldId="274"/>
            <ac:picMk id="9" creationId="{50009CAB-74D4-F951-E604-B27D5BA1FF8C}"/>
          </ac:picMkLst>
        </pc:picChg>
        <pc:picChg chg="add del mod">
          <ac:chgData name="Graaf, T.C.D. van de (Tim) (TV_SZV)" userId="b210a36d-96bf-4faa-a100-09ca5f208414" providerId="ADAL" clId="{E26BB67C-F476-4B28-B9B6-DF07151C5F9A}" dt="2024-06-04T14:39:07.777" v="5941" actId="21"/>
          <ac:picMkLst>
            <pc:docMk/>
            <pc:sldMk cId="3976012057" sldId="274"/>
            <ac:picMk id="10" creationId="{00136942-5959-CF7D-BBE4-1BB39D665C0A}"/>
          </ac:picMkLst>
        </pc:picChg>
        <pc:picChg chg="add del mod">
          <ac:chgData name="Graaf, T.C.D. van de (Tim) (TV_SZV)" userId="b210a36d-96bf-4faa-a100-09ca5f208414" providerId="ADAL" clId="{E26BB67C-F476-4B28-B9B6-DF07151C5F9A}" dt="2024-06-04T15:01:58.853" v="6958" actId="21"/>
          <ac:picMkLst>
            <pc:docMk/>
            <pc:sldMk cId="3976012057" sldId="274"/>
            <ac:picMk id="12" creationId="{BFD6E79D-6E5E-3FAF-AAB1-5F0B3340A908}"/>
          </ac:picMkLst>
        </pc:picChg>
        <pc:picChg chg="add del mod">
          <ac:chgData name="Graaf, T.C.D. van de (Tim) (TV_SZV)" userId="b210a36d-96bf-4faa-a100-09ca5f208414" providerId="ADAL" clId="{E26BB67C-F476-4B28-B9B6-DF07151C5F9A}" dt="2024-06-04T15:09:26.816" v="7006" actId="21"/>
          <ac:picMkLst>
            <pc:docMk/>
            <pc:sldMk cId="3976012057" sldId="274"/>
            <ac:picMk id="16" creationId="{3308EB10-8479-E50A-EEFE-376FF167D177}"/>
          </ac:picMkLst>
        </pc:picChg>
        <pc:picChg chg="add del mod">
          <ac:chgData name="Graaf, T.C.D. van de (Tim) (TV_SZV)" userId="b210a36d-96bf-4faa-a100-09ca5f208414" providerId="ADAL" clId="{E26BB67C-F476-4B28-B9B6-DF07151C5F9A}" dt="2024-06-17T11:54:20.511" v="11910" actId="21"/>
          <ac:picMkLst>
            <pc:docMk/>
            <pc:sldMk cId="3976012057" sldId="274"/>
            <ac:picMk id="17" creationId="{34956F85-CE82-A9FB-CDD7-DA07B133AA3D}"/>
          </ac:picMkLst>
        </pc:picChg>
      </pc:sldChg>
      <pc:sldChg chg="addSp delSp modSp new mod delCm modCm">
        <pc:chgData name="Graaf, T.C.D. van de (Tim) (TV_SZV)" userId="b210a36d-96bf-4faa-a100-09ca5f208414" providerId="ADAL" clId="{E26BB67C-F476-4B28-B9B6-DF07151C5F9A}" dt="2024-06-17T13:27:35.715" v="11972" actId="20577"/>
        <pc:sldMkLst>
          <pc:docMk/>
          <pc:sldMk cId="1085857997" sldId="275"/>
        </pc:sldMkLst>
        <pc:spChg chg="mod">
          <ac:chgData name="Graaf, T.C.D. van de (Tim) (TV_SZV)" userId="b210a36d-96bf-4faa-a100-09ca5f208414" providerId="ADAL" clId="{E26BB67C-F476-4B28-B9B6-DF07151C5F9A}" dt="2024-06-13T14:47:21.602" v="11629" actId="20577"/>
          <ac:spMkLst>
            <pc:docMk/>
            <pc:sldMk cId="1085857997" sldId="275"/>
            <ac:spMk id="2" creationId="{8DFE3176-DE6C-174D-900F-4654D1B5B218}"/>
          </ac:spMkLst>
        </pc:spChg>
        <pc:spChg chg="add del mod">
          <ac:chgData name="Graaf, T.C.D. van de (Tim) (TV_SZV)" userId="b210a36d-96bf-4faa-a100-09ca5f208414" providerId="ADAL" clId="{E26BB67C-F476-4B28-B9B6-DF07151C5F9A}" dt="2024-06-04T13:48:40.878" v="5153" actId="12084"/>
          <ac:spMkLst>
            <pc:docMk/>
            <pc:sldMk cId="1085857997" sldId="275"/>
            <ac:spMk id="4" creationId="{7DCA5D2C-6A0F-F202-6665-F402B01CDD94}"/>
          </ac:spMkLst>
        </pc:spChg>
        <pc:spChg chg="del">
          <ac:chgData name="Graaf, T.C.D. van de (Tim) (TV_SZV)" userId="b210a36d-96bf-4faa-a100-09ca5f208414" providerId="ADAL" clId="{E26BB67C-F476-4B28-B9B6-DF07151C5F9A}" dt="2024-06-03T08:51:14.832" v="1152" actId="21"/>
          <ac:spMkLst>
            <pc:docMk/>
            <pc:sldMk cId="1085857997" sldId="275"/>
            <ac:spMk id="5" creationId="{9AF43B85-167C-93C1-7558-0F5E36ADFAD4}"/>
          </ac:spMkLst>
        </pc:spChg>
        <pc:spChg chg="add del mod">
          <ac:chgData name="Graaf, T.C.D. van de (Tim) (TV_SZV)" userId="b210a36d-96bf-4faa-a100-09ca5f208414" providerId="ADAL" clId="{E26BB67C-F476-4B28-B9B6-DF07151C5F9A}" dt="2024-06-03T08:55:41.511" v="1357"/>
          <ac:spMkLst>
            <pc:docMk/>
            <pc:sldMk cId="1085857997" sldId="275"/>
            <ac:spMk id="7" creationId="{14E2A7FE-6BFC-B3B1-A2BC-21291AB6E350}"/>
          </ac:spMkLst>
        </pc:spChg>
        <pc:spChg chg="add del mod">
          <ac:chgData name="Graaf, T.C.D. van de (Tim) (TV_SZV)" userId="b210a36d-96bf-4faa-a100-09ca5f208414" providerId="ADAL" clId="{E26BB67C-F476-4B28-B9B6-DF07151C5F9A}" dt="2024-06-04T13:50:25.171" v="5171" actId="21"/>
          <ac:spMkLst>
            <pc:docMk/>
            <pc:sldMk cId="1085857997" sldId="275"/>
            <ac:spMk id="8" creationId="{161F1D12-E8DA-5BAB-9A3C-B7612881AAB6}"/>
          </ac:spMkLst>
        </pc:spChg>
        <pc:spChg chg="add del mod">
          <ac:chgData name="Graaf, T.C.D. van de (Tim) (TV_SZV)" userId="b210a36d-96bf-4faa-a100-09ca5f208414" providerId="ADAL" clId="{E26BB67C-F476-4B28-B9B6-DF07151C5F9A}" dt="2024-06-04T13:50:48.337" v="5173" actId="12084"/>
          <ac:spMkLst>
            <pc:docMk/>
            <pc:sldMk cId="1085857997" sldId="275"/>
            <ac:spMk id="9" creationId="{8CED049C-22F7-892B-AE89-D35BD0EA2566}"/>
          </ac:spMkLst>
        </pc:spChg>
        <pc:spChg chg="add del mod">
          <ac:chgData name="Graaf, T.C.D. van de (Tim) (TV_SZV)" userId="b210a36d-96bf-4faa-a100-09ca5f208414" providerId="ADAL" clId="{E26BB67C-F476-4B28-B9B6-DF07151C5F9A}" dt="2024-06-04T14:37:56.055" v="5936" actId="21"/>
          <ac:spMkLst>
            <pc:docMk/>
            <pc:sldMk cId="1085857997" sldId="275"/>
            <ac:spMk id="13" creationId="{CEB79D93-191D-B094-0548-B3D79555D782}"/>
          </ac:spMkLst>
        </pc:spChg>
        <pc:graphicFrameChg chg="add mod">
          <ac:chgData name="Graaf, T.C.D. van de (Tim) (TV_SZV)" userId="b210a36d-96bf-4faa-a100-09ca5f208414" providerId="ADAL" clId="{E26BB67C-F476-4B28-B9B6-DF07151C5F9A}" dt="2024-06-04T13:48:00.159" v="5144" actId="14100"/>
          <ac:graphicFrameMkLst>
            <pc:docMk/>
            <pc:sldMk cId="1085857997" sldId="275"/>
            <ac:graphicFrameMk id="5" creationId="{9A4AD25A-EBC6-D255-FECB-5929DEF8DE33}"/>
          </ac:graphicFrameMkLst>
        </pc:graphicFrameChg>
        <pc:graphicFrameChg chg="add del mod">
          <ac:chgData name="Graaf, T.C.D. van de (Tim) (TV_SZV)" userId="b210a36d-96bf-4faa-a100-09ca5f208414" providerId="ADAL" clId="{E26BB67C-F476-4B28-B9B6-DF07151C5F9A}" dt="2024-06-04T13:50:21.538" v="5170" actId="21"/>
          <ac:graphicFrameMkLst>
            <pc:docMk/>
            <pc:sldMk cId="1085857997" sldId="275"/>
            <ac:graphicFrameMk id="7" creationId="{4B65978C-74F9-4BC8-2A3B-F61F1F1C3D17}"/>
          </ac:graphicFrameMkLst>
        </pc:graphicFrameChg>
        <pc:graphicFrameChg chg="add del mod">
          <ac:chgData name="Graaf, T.C.D. van de (Tim) (TV_SZV)" userId="b210a36d-96bf-4faa-a100-09ca5f208414" providerId="ADAL" clId="{E26BB67C-F476-4B28-B9B6-DF07151C5F9A}" dt="2024-06-17T13:27:35.715" v="11972" actId="20577"/>
          <ac:graphicFrameMkLst>
            <pc:docMk/>
            <pc:sldMk cId="1085857997" sldId="275"/>
            <ac:graphicFrameMk id="10" creationId="{E29C14E6-61A2-22A8-3777-3966C8EAFDC0}"/>
          </ac:graphicFrameMkLst>
        </pc:graphicFrameChg>
        <pc:picChg chg="add del mod">
          <ac:chgData name="Graaf, T.C.D. van de (Tim) (TV_SZV)" userId="b210a36d-96bf-4faa-a100-09ca5f208414" providerId="ADAL" clId="{E26BB67C-F476-4B28-B9B6-DF07151C5F9A}" dt="2024-06-04T13:26:49.659" v="4867" actId="21"/>
          <ac:picMkLst>
            <pc:docMk/>
            <pc:sldMk cId="1085857997" sldId="275"/>
            <ac:picMk id="6" creationId="{B77A3FC7-4CD0-B3B9-4961-7D7AAE0DFA92}"/>
          </ac:picMkLst>
        </pc:picChg>
        <pc:picChg chg="add mod">
          <ac:chgData name="Graaf, T.C.D. van de (Tim) (TV_SZV)" userId="b210a36d-96bf-4faa-a100-09ca5f208414" providerId="ADAL" clId="{E26BB67C-F476-4B28-B9B6-DF07151C5F9A}" dt="2024-06-13T14:06:47.824" v="10821" actId="1036"/>
          <ac:picMkLst>
            <pc:docMk/>
            <pc:sldMk cId="1085857997" sldId="275"/>
            <ac:picMk id="12" creationId="{6A3354A1-8EDC-3C73-A0B9-BC5221C4589D}"/>
          </ac:picMkLst>
        </pc:picChg>
        <pc:extLst>
          <p:ext xmlns:p="http://schemas.openxmlformats.org/presentationml/2006/main" uri="{D6D511B9-2390-475A-947B-AFAB55BFBCF1}">
            <pc226:cmChg xmlns:pc226="http://schemas.microsoft.com/office/powerpoint/2022/06/main/command" chg="del mod">
              <pc226:chgData name="Graaf, T.C.D. van de (Tim) (TV_SZV)" userId="b210a36d-96bf-4faa-a100-09ca5f208414" providerId="ADAL" clId="{E26BB67C-F476-4B28-B9B6-DF07151C5F9A}" dt="2024-06-12T08:56:12.234" v="9601"/>
              <pc2:cmMkLst xmlns:pc2="http://schemas.microsoft.com/office/powerpoint/2019/9/main/command">
                <pc:docMk/>
                <pc:sldMk cId="1085857997" sldId="275"/>
                <pc2:cmMk id="{0E99E7FD-21EF-46B7-B897-642CF3C908C6}"/>
              </pc2:cmMkLst>
            </pc226:cmChg>
          </p:ext>
        </pc:extLst>
      </pc:sldChg>
      <pc:sldChg chg="addSp delSp modSp new mod ord addCm delCm modCm">
        <pc:chgData name="Graaf, T.C.D. van de (Tim) (TV_SZV)" userId="b210a36d-96bf-4faa-a100-09ca5f208414" providerId="ADAL" clId="{E26BB67C-F476-4B28-B9B6-DF07151C5F9A}" dt="2024-06-17T13:47:08.766" v="12289"/>
        <pc:sldMkLst>
          <pc:docMk/>
          <pc:sldMk cId="844467682" sldId="276"/>
        </pc:sldMkLst>
        <pc:spChg chg="mod">
          <ac:chgData name="Graaf, T.C.D. van de (Tim) (TV_SZV)" userId="b210a36d-96bf-4faa-a100-09ca5f208414" providerId="ADAL" clId="{E26BB67C-F476-4B28-B9B6-DF07151C5F9A}" dt="2024-06-13T14:47:53.358" v="11679" actId="20577"/>
          <ac:spMkLst>
            <pc:docMk/>
            <pc:sldMk cId="844467682" sldId="276"/>
            <ac:spMk id="2" creationId="{C4689528-C34A-C57C-2A12-029690BE0CEE}"/>
          </ac:spMkLst>
        </pc:spChg>
        <pc:spChg chg="mod">
          <ac:chgData name="Graaf, T.C.D. van de (Tim) (TV_SZV)" userId="b210a36d-96bf-4faa-a100-09ca5f208414" providerId="ADAL" clId="{E26BB67C-F476-4B28-B9B6-DF07151C5F9A}" dt="2024-06-17T13:30:59.296" v="11987" actId="20577"/>
          <ac:spMkLst>
            <pc:docMk/>
            <pc:sldMk cId="844467682" sldId="276"/>
            <ac:spMk id="4" creationId="{6E87649F-C3F6-7544-8CBC-441538E05483}"/>
          </ac:spMkLst>
        </pc:spChg>
        <pc:spChg chg="del">
          <ac:chgData name="Graaf, T.C.D. van de (Tim) (TV_SZV)" userId="b210a36d-96bf-4faa-a100-09ca5f208414" providerId="ADAL" clId="{E26BB67C-F476-4B28-B9B6-DF07151C5F9A}" dt="2024-06-03T08:56:56.432" v="1394" actId="21"/>
          <ac:spMkLst>
            <pc:docMk/>
            <pc:sldMk cId="844467682" sldId="276"/>
            <ac:spMk id="5" creationId="{4C87763E-90B9-E01C-E469-421138FB233B}"/>
          </ac:spMkLst>
        </pc:spChg>
        <pc:spChg chg="add del mod">
          <ac:chgData name="Graaf, T.C.D. van de (Tim) (TV_SZV)" userId="b210a36d-96bf-4faa-a100-09ca5f208414" providerId="ADAL" clId="{E26BB67C-F476-4B28-B9B6-DF07151C5F9A}" dt="2024-06-12T08:57:49.022" v="9606"/>
          <ac:spMkLst>
            <pc:docMk/>
            <pc:sldMk cId="844467682" sldId="276"/>
            <ac:spMk id="5" creationId="{E5C3A4FD-2E54-9ABA-230A-DCE988C62A48}"/>
          </ac:spMkLst>
        </pc:spChg>
        <pc:spChg chg="add del mod">
          <ac:chgData name="Graaf, T.C.D. van de (Tim) (TV_SZV)" userId="b210a36d-96bf-4faa-a100-09ca5f208414" providerId="ADAL" clId="{E26BB67C-F476-4B28-B9B6-DF07151C5F9A}" dt="2024-06-04T15:16:59.898" v="7074"/>
          <ac:spMkLst>
            <pc:docMk/>
            <pc:sldMk cId="844467682" sldId="276"/>
            <ac:spMk id="7" creationId="{44AFB948-2948-6F7D-BEF0-442DEB045578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add del">
              <pc226:chgData name="Graaf, T.C.D. van de (Tim) (TV_SZV)" userId="b210a36d-96bf-4faa-a100-09ca5f208414" providerId="ADAL" clId="{E26BB67C-F476-4B28-B9B6-DF07151C5F9A}" dt="2024-06-10T09:53:37.386" v="9471"/>
              <pc2:cmMkLst xmlns:pc2="http://schemas.microsoft.com/office/powerpoint/2019/9/main/command">
                <pc:docMk/>
                <pc:sldMk cId="844467682" sldId="276"/>
                <pc2:cmMk id="{D7FA6733-5CED-48F4-B44F-3477A938A9AE}"/>
              </pc2:cmMkLst>
            </pc226:cmChg>
            <pc226:cmChg xmlns:pc226="http://schemas.microsoft.com/office/powerpoint/2022/06/main/command" chg="add del mod">
              <pc226:chgData name="Graaf, T.C.D. van de (Tim) (TV_SZV)" userId="b210a36d-96bf-4faa-a100-09ca5f208414" providerId="ADAL" clId="{E26BB67C-F476-4B28-B9B6-DF07151C5F9A}" dt="2024-06-12T09:09:23.944" v="9626"/>
              <pc2:cmMkLst xmlns:pc2="http://schemas.microsoft.com/office/powerpoint/2019/9/main/command">
                <pc:docMk/>
                <pc:sldMk cId="844467682" sldId="276"/>
                <pc2:cmMk id="{F17B4BAD-2E20-4BB6-8CC7-F895AFD63B3E}"/>
              </pc2:cmMkLst>
            </pc226:cmChg>
            <pc226:cmChg xmlns:pc226="http://schemas.microsoft.com/office/powerpoint/2022/06/main/command" chg="mod">
              <pc226:chgData name="Graaf, T.C.D. van de (Tim) (TV_SZV)" userId="b210a36d-96bf-4faa-a100-09ca5f208414" providerId="ADAL" clId="{E26BB67C-F476-4B28-B9B6-DF07151C5F9A}" dt="2024-06-17T13:47:08.766" v="12289"/>
              <pc2:cmMkLst xmlns:pc2="http://schemas.microsoft.com/office/powerpoint/2019/9/main/command">
                <pc:docMk/>
                <pc:sldMk cId="844467682" sldId="276"/>
                <pc2:cmMk id="{9943FAD6-3353-4462-AAEB-041BAB3EFB33}"/>
              </pc2:cmMkLst>
              <pc226:cmRplyChg chg="add">
                <pc226:chgData name="Graaf, T.C.D. van de (Tim) (TV_SZV)" userId="b210a36d-96bf-4faa-a100-09ca5f208414" providerId="ADAL" clId="{E26BB67C-F476-4B28-B9B6-DF07151C5F9A}" dt="2024-06-12T09:46:28.362" v="10593"/>
                <pc2:cmRplyMkLst xmlns:pc2="http://schemas.microsoft.com/office/powerpoint/2019/9/main/command">
                  <pc:docMk/>
                  <pc:sldMk cId="844467682" sldId="276"/>
                  <pc2:cmMk id="{9943FAD6-3353-4462-AAEB-041BAB3EFB33}"/>
                  <pc2:cmRplyMk id="{7BB710C2-F2E8-4E9E-9A8D-2ABFE6A42351}"/>
                </pc2:cmRplyMkLst>
              </pc226:cmRplyChg>
            </pc226:cmChg>
            <pc226:cmChg xmlns:pc226="http://schemas.microsoft.com/office/powerpoint/2022/06/main/command" chg="mod">
              <pc226:chgData name="Graaf, T.C.D. van de (Tim) (TV_SZV)" userId="b210a36d-96bf-4faa-a100-09ca5f208414" providerId="ADAL" clId="{E26BB67C-F476-4B28-B9B6-DF07151C5F9A}" dt="2024-06-17T13:30:59.296" v="11987" actId="20577"/>
              <pc2:cmMkLst xmlns:pc2="http://schemas.microsoft.com/office/powerpoint/2019/9/main/command">
                <pc:docMk/>
                <pc:sldMk cId="844467682" sldId="276"/>
                <pc2:cmMk id="{72CBE9ED-CF87-4F41-9169-68D9A58C8AE1}"/>
              </pc2:cmMkLst>
            </pc226:cmChg>
          </p:ext>
        </pc:extLst>
      </pc:sldChg>
      <pc:sldChg chg="modSp mod">
        <pc:chgData name="Graaf, T.C.D. van de (Tim) (TV_SZV)" userId="b210a36d-96bf-4faa-a100-09ca5f208414" providerId="ADAL" clId="{E26BB67C-F476-4B28-B9B6-DF07151C5F9A}" dt="2024-06-10T08:13:00.389" v="7084" actId="20577"/>
        <pc:sldMkLst>
          <pc:docMk/>
          <pc:sldMk cId="1692255342" sldId="277"/>
        </pc:sldMkLst>
        <pc:spChg chg="mod">
          <ac:chgData name="Graaf, T.C.D. van de (Tim) (TV_SZV)" userId="b210a36d-96bf-4faa-a100-09ca5f208414" providerId="ADAL" clId="{E26BB67C-F476-4B28-B9B6-DF07151C5F9A}" dt="2024-06-10T08:13:00.389" v="7084" actId="20577"/>
          <ac:spMkLst>
            <pc:docMk/>
            <pc:sldMk cId="1692255342" sldId="277"/>
            <ac:spMk id="4" creationId="{EC7E6EFB-AB1B-B1DB-60AC-B82E6969E915}"/>
          </ac:spMkLst>
        </pc:spChg>
      </pc:sldChg>
      <pc:sldChg chg="delSp modSp new del mod">
        <pc:chgData name="Graaf, T.C.D. van de (Tim) (TV_SZV)" userId="b210a36d-96bf-4faa-a100-09ca5f208414" providerId="ADAL" clId="{E26BB67C-F476-4B28-B9B6-DF07151C5F9A}" dt="2024-06-04T15:17:06.229" v="7075" actId="2696"/>
        <pc:sldMkLst>
          <pc:docMk/>
          <pc:sldMk cId="2641378040" sldId="277"/>
        </pc:sldMkLst>
        <pc:spChg chg="mod">
          <ac:chgData name="Graaf, T.C.D. van de (Tim) (TV_SZV)" userId="b210a36d-96bf-4faa-a100-09ca5f208414" providerId="ADAL" clId="{E26BB67C-F476-4B28-B9B6-DF07151C5F9A}" dt="2024-06-04T15:16:52.717" v="7069" actId="27636"/>
          <ac:spMkLst>
            <pc:docMk/>
            <pc:sldMk cId="2641378040" sldId="277"/>
            <ac:spMk id="4" creationId="{7034F8CA-4D9B-4821-CD29-69517DD00C20}"/>
          </ac:spMkLst>
        </pc:spChg>
        <pc:spChg chg="del">
          <ac:chgData name="Graaf, T.C.D. van de (Tim) (TV_SZV)" userId="b210a36d-96bf-4faa-a100-09ca5f208414" providerId="ADAL" clId="{E26BB67C-F476-4B28-B9B6-DF07151C5F9A}" dt="2024-06-04T13:48:19.242" v="5150" actId="21"/>
          <ac:spMkLst>
            <pc:docMk/>
            <pc:sldMk cId="2641378040" sldId="277"/>
            <ac:spMk id="5" creationId="{1BA6DBA1-9C1E-F79F-740B-CC6CFA2263F9}"/>
          </ac:spMkLst>
        </pc:spChg>
      </pc:sldChg>
      <pc:sldChg chg="addSp delSp modSp new del mod">
        <pc:chgData name="Graaf, T.C.D. van de (Tim) (TV_SZV)" userId="b210a36d-96bf-4faa-a100-09ca5f208414" providerId="ADAL" clId="{E26BB67C-F476-4B28-B9B6-DF07151C5F9A}" dt="2024-06-04T15:10:10.078" v="7012" actId="2696"/>
        <pc:sldMkLst>
          <pc:docMk/>
          <pc:sldMk cId="2053864886" sldId="278"/>
        </pc:sldMkLst>
        <pc:spChg chg="del">
          <ac:chgData name="Graaf, T.C.D. van de (Tim) (TV_SZV)" userId="b210a36d-96bf-4faa-a100-09ca5f208414" providerId="ADAL" clId="{E26BB67C-F476-4B28-B9B6-DF07151C5F9A}" dt="2024-06-04T14:27:13.551" v="5872"/>
          <ac:spMkLst>
            <pc:docMk/>
            <pc:sldMk cId="2053864886" sldId="278"/>
            <ac:spMk id="5" creationId="{B3D4AC90-A30F-E4A8-2366-E0483D77840E}"/>
          </ac:spMkLst>
        </pc:spChg>
        <pc:spChg chg="add del mod">
          <ac:chgData name="Graaf, T.C.D. van de (Tim) (TV_SZV)" userId="b210a36d-96bf-4faa-a100-09ca5f208414" providerId="ADAL" clId="{E26BB67C-F476-4B28-B9B6-DF07151C5F9A}" dt="2024-06-04T14:27:29.723" v="5874"/>
          <ac:spMkLst>
            <pc:docMk/>
            <pc:sldMk cId="2053864886" sldId="278"/>
            <ac:spMk id="8" creationId="{13E3973D-CBF5-1AF0-4E18-EB7574EBEA47}"/>
          </ac:spMkLst>
        </pc:spChg>
        <pc:spChg chg="add del mod">
          <ac:chgData name="Graaf, T.C.D. van de (Tim) (TV_SZV)" userId="b210a36d-96bf-4faa-a100-09ca5f208414" providerId="ADAL" clId="{E26BB67C-F476-4B28-B9B6-DF07151C5F9A}" dt="2024-06-04T14:31:06.652" v="5886" actId="21"/>
          <ac:spMkLst>
            <pc:docMk/>
            <pc:sldMk cId="2053864886" sldId="278"/>
            <ac:spMk id="11" creationId="{986AFAE1-86A7-7025-AAE3-2E73248D6099}"/>
          </ac:spMkLst>
        </pc:spChg>
        <pc:spChg chg="add mod">
          <ac:chgData name="Graaf, T.C.D. van de (Tim) (TV_SZV)" userId="b210a36d-96bf-4faa-a100-09ca5f208414" providerId="ADAL" clId="{E26BB67C-F476-4B28-B9B6-DF07151C5F9A}" dt="2024-06-04T14:31:17.462" v="5889" actId="21"/>
          <ac:spMkLst>
            <pc:docMk/>
            <pc:sldMk cId="2053864886" sldId="278"/>
            <ac:spMk id="14" creationId="{9DEC1DCE-1ABC-CDBD-D595-A2430B304A0B}"/>
          </ac:spMkLst>
        </pc:spChg>
        <pc:graphicFrameChg chg="add del mod">
          <ac:chgData name="Graaf, T.C.D. van de (Tim) (TV_SZV)" userId="b210a36d-96bf-4faa-a100-09ca5f208414" providerId="ADAL" clId="{E26BB67C-F476-4B28-B9B6-DF07151C5F9A}" dt="2024-06-04T14:27:16.440" v="5873" actId="21"/>
          <ac:graphicFrameMkLst>
            <pc:docMk/>
            <pc:sldMk cId="2053864886" sldId="278"/>
            <ac:graphicFrameMk id="6" creationId="{61EF7E6F-DC00-BF04-33F7-152AF8162492}"/>
          </ac:graphicFrameMkLst>
        </pc:graphicFrameChg>
        <pc:graphicFrameChg chg="add del mod modGraphic">
          <ac:chgData name="Graaf, T.C.D. van de (Tim) (TV_SZV)" userId="b210a36d-96bf-4faa-a100-09ca5f208414" providerId="ADAL" clId="{E26BB67C-F476-4B28-B9B6-DF07151C5F9A}" dt="2024-06-04T14:31:17.462" v="5889" actId="21"/>
          <ac:graphicFrameMkLst>
            <pc:docMk/>
            <pc:sldMk cId="2053864886" sldId="278"/>
            <ac:graphicFrameMk id="9" creationId="{CAF31CFD-E907-F39C-F0ED-CA4B032AF47C}"/>
          </ac:graphicFrameMkLst>
        </pc:graphicFrameChg>
        <pc:picChg chg="add del">
          <ac:chgData name="Graaf, T.C.D. van de (Tim) (TV_SZV)" userId="b210a36d-96bf-4faa-a100-09ca5f208414" providerId="ADAL" clId="{E26BB67C-F476-4B28-B9B6-DF07151C5F9A}" dt="2024-06-04T14:31:11.105" v="5888" actId="21"/>
          <ac:picMkLst>
            <pc:docMk/>
            <pc:sldMk cId="2053864886" sldId="278"/>
            <ac:picMk id="12" creationId="{62474337-D01B-1B72-6209-3CA930565EF6}"/>
          </ac:picMkLst>
        </pc:picChg>
      </pc:sldChg>
      <pc:sldChg chg="addSp delSp modSp new mod delCm modCm">
        <pc:chgData name="Graaf, T.C.D. van de (Tim) (TV_SZV)" userId="b210a36d-96bf-4faa-a100-09ca5f208414" providerId="ADAL" clId="{E26BB67C-F476-4B28-B9B6-DF07151C5F9A}" dt="2024-06-17T13:32:23.127" v="12005" actId="313"/>
        <pc:sldMkLst>
          <pc:docMk/>
          <pc:sldMk cId="4197308347" sldId="278"/>
        </pc:sldMkLst>
        <pc:spChg chg="mod">
          <ac:chgData name="Graaf, T.C.D. van de (Tim) (TV_SZV)" userId="b210a36d-96bf-4faa-a100-09ca5f208414" providerId="ADAL" clId="{E26BB67C-F476-4B28-B9B6-DF07151C5F9A}" dt="2024-06-10T08:19:22.851" v="7223" actId="20577"/>
          <ac:spMkLst>
            <pc:docMk/>
            <pc:sldMk cId="4197308347" sldId="278"/>
            <ac:spMk id="2" creationId="{2DC5A7C9-35E6-743B-8F52-1972DBFEA9B8}"/>
          </ac:spMkLst>
        </pc:spChg>
        <pc:spChg chg="mod">
          <ac:chgData name="Graaf, T.C.D. van de (Tim) (TV_SZV)" userId="b210a36d-96bf-4faa-a100-09ca5f208414" providerId="ADAL" clId="{E26BB67C-F476-4B28-B9B6-DF07151C5F9A}" dt="2024-06-17T13:32:23.127" v="12005" actId="313"/>
          <ac:spMkLst>
            <pc:docMk/>
            <pc:sldMk cId="4197308347" sldId="278"/>
            <ac:spMk id="4" creationId="{12243CAF-0A67-7B4E-F498-BF393778CEF0}"/>
          </ac:spMkLst>
        </pc:spChg>
        <pc:spChg chg="del">
          <ac:chgData name="Graaf, T.C.D. van de (Tim) (TV_SZV)" userId="b210a36d-96bf-4faa-a100-09ca5f208414" providerId="ADAL" clId="{E26BB67C-F476-4B28-B9B6-DF07151C5F9A}" dt="2024-06-10T08:19:34.771" v="7224" actId="21"/>
          <ac:spMkLst>
            <pc:docMk/>
            <pc:sldMk cId="4197308347" sldId="278"/>
            <ac:spMk id="5" creationId="{D4A40896-F93D-DBBD-0897-038CEF919491}"/>
          </ac:spMkLst>
        </pc:spChg>
        <pc:picChg chg="add del mod">
          <ac:chgData name="Graaf, T.C.D. van de (Tim) (TV_SZV)" userId="b210a36d-96bf-4faa-a100-09ca5f208414" providerId="ADAL" clId="{E26BB67C-F476-4B28-B9B6-DF07151C5F9A}" dt="2024-06-12T08:57:58.594" v="9607" actId="21"/>
          <ac:picMkLst>
            <pc:docMk/>
            <pc:sldMk cId="4197308347" sldId="278"/>
            <ac:picMk id="6" creationId="{0CE58B0A-76D1-C68A-B9C0-C2C9466CFCAA}"/>
          </ac:picMkLst>
        </pc:picChg>
        <pc:extLst>
          <p:ext xmlns:p="http://schemas.openxmlformats.org/presentationml/2006/main" uri="{D6D511B9-2390-475A-947B-AFAB55BFBCF1}">
            <pc226:cmChg xmlns:pc226="http://schemas.microsoft.com/office/powerpoint/2022/06/main/command" chg="del mod">
              <pc226:chgData name="Graaf, T.C.D. van de (Tim) (TV_SZV)" userId="b210a36d-96bf-4faa-a100-09ca5f208414" providerId="ADAL" clId="{E26BB67C-F476-4B28-B9B6-DF07151C5F9A}" dt="2024-06-12T09:44:50.377" v="10592"/>
              <pc2:cmMkLst xmlns:pc2="http://schemas.microsoft.com/office/powerpoint/2019/9/main/command">
                <pc:docMk/>
                <pc:sldMk cId="4197308347" sldId="278"/>
                <pc2:cmMk id="{B426884A-1872-4AC1-84CF-8EA08D311BA4}"/>
              </pc2:cmMkLst>
            </pc226:cmChg>
          </p:ext>
        </pc:extLst>
      </pc:sldChg>
      <pc:sldChg chg="addSp modSp add mod ord">
        <pc:chgData name="Graaf, T.C.D. van de (Tim) (TV_SZV)" userId="b210a36d-96bf-4faa-a100-09ca5f208414" providerId="ADAL" clId="{E26BB67C-F476-4B28-B9B6-DF07151C5F9A}" dt="2024-06-17T13:42:29.702" v="12287" actId="1076"/>
        <pc:sldMkLst>
          <pc:docMk/>
          <pc:sldMk cId="1005369590" sldId="279"/>
        </pc:sldMkLst>
        <pc:spChg chg="mod">
          <ac:chgData name="Graaf, T.C.D. van de (Tim) (TV_SZV)" userId="b210a36d-96bf-4faa-a100-09ca5f208414" providerId="ADAL" clId="{E26BB67C-F476-4B28-B9B6-DF07151C5F9A}" dt="2024-06-17T13:41:43.807" v="12246" actId="120"/>
          <ac:spMkLst>
            <pc:docMk/>
            <pc:sldMk cId="1005369590" sldId="279"/>
            <ac:spMk id="4" creationId="{3779D7D4-9605-102A-7F55-0D5095B04B38}"/>
          </ac:spMkLst>
        </pc:spChg>
        <pc:spChg chg="add mod">
          <ac:chgData name="Graaf, T.C.D. van de (Tim) (TV_SZV)" userId="b210a36d-96bf-4faa-a100-09ca5f208414" providerId="ADAL" clId="{E26BB67C-F476-4B28-B9B6-DF07151C5F9A}" dt="2024-06-17T13:42:29.702" v="12287" actId="1076"/>
          <ac:spMkLst>
            <pc:docMk/>
            <pc:sldMk cId="1005369590" sldId="279"/>
            <ac:spMk id="6" creationId="{8C4C1756-1DC4-484F-AF1E-A80DE2B0C736}"/>
          </ac:spMkLst>
        </pc:spChg>
        <pc:picChg chg="mod">
          <ac:chgData name="Graaf, T.C.D. van de (Tim) (TV_SZV)" userId="b210a36d-96bf-4faa-a100-09ca5f208414" providerId="ADAL" clId="{E26BB67C-F476-4B28-B9B6-DF07151C5F9A}" dt="2024-06-17T13:41:49.227" v="12248" actId="1076"/>
          <ac:picMkLst>
            <pc:docMk/>
            <pc:sldMk cId="1005369590" sldId="279"/>
            <ac:picMk id="1026" creationId="{20CF5C76-4E0C-D8CC-F43C-DDADEE51FCBD}"/>
          </ac:picMkLst>
        </pc:picChg>
      </pc:sldChg>
      <pc:sldChg chg="modSp mod">
        <pc:chgData name="Graaf, T.C.D. van de (Tim) (TV_SZV)" userId="b210a36d-96bf-4faa-a100-09ca5f208414" providerId="ADAL" clId="{E26BB67C-F476-4B28-B9B6-DF07151C5F9A}" dt="2024-06-17T13:36:13.725" v="12043" actId="20577"/>
        <pc:sldMkLst>
          <pc:docMk/>
          <pc:sldMk cId="1516917713" sldId="280"/>
        </pc:sldMkLst>
        <pc:spChg chg="mod">
          <ac:chgData name="Graaf, T.C.D. van de (Tim) (TV_SZV)" userId="b210a36d-96bf-4faa-a100-09ca5f208414" providerId="ADAL" clId="{E26BB67C-F476-4B28-B9B6-DF07151C5F9A}" dt="2024-06-12T09:11:18.848" v="9792" actId="20577"/>
          <ac:spMkLst>
            <pc:docMk/>
            <pc:sldMk cId="1516917713" sldId="280"/>
            <ac:spMk id="2" creationId="{2DC5A7C9-35E6-743B-8F52-1972DBFEA9B8}"/>
          </ac:spMkLst>
        </pc:spChg>
        <pc:spChg chg="mod">
          <ac:chgData name="Graaf, T.C.D. van de (Tim) (TV_SZV)" userId="b210a36d-96bf-4faa-a100-09ca5f208414" providerId="ADAL" clId="{E26BB67C-F476-4B28-B9B6-DF07151C5F9A}" dt="2024-06-17T13:36:13.725" v="12043" actId="20577"/>
          <ac:spMkLst>
            <pc:docMk/>
            <pc:sldMk cId="1516917713" sldId="280"/>
            <ac:spMk id="4" creationId="{12243CAF-0A67-7B4E-F498-BF393778CEF0}"/>
          </ac:spMkLst>
        </pc:spChg>
      </pc:sldChg>
      <pc:sldChg chg="modSp mod">
        <pc:chgData name="Graaf, T.C.D. van de (Tim) (TV_SZV)" userId="b210a36d-96bf-4faa-a100-09ca5f208414" providerId="ADAL" clId="{E26BB67C-F476-4B28-B9B6-DF07151C5F9A}" dt="2024-06-13T13:56:16.351" v="10739" actId="113"/>
        <pc:sldMkLst>
          <pc:docMk/>
          <pc:sldMk cId="1938563299" sldId="281"/>
        </pc:sldMkLst>
        <pc:spChg chg="mod">
          <ac:chgData name="Graaf, T.C.D. van de (Tim) (TV_SZV)" userId="b210a36d-96bf-4faa-a100-09ca5f208414" providerId="ADAL" clId="{E26BB67C-F476-4B28-B9B6-DF07151C5F9A}" dt="2024-06-13T13:54:35.509" v="10736" actId="20577"/>
          <ac:spMkLst>
            <pc:docMk/>
            <pc:sldMk cId="1938563299" sldId="281"/>
            <ac:spMk id="2" creationId="{F5666797-3D3C-46BB-F47A-3E8454B1FF5E}"/>
          </ac:spMkLst>
        </pc:spChg>
        <pc:spChg chg="mod">
          <ac:chgData name="Graaf, T.C.D. van de (Tim) (TV_SZV)" userId="b210a36d-96bf-4faa-a100-09ca5f208414" providerId="ADAL" clId="{E26BB67C-F476-4B28-B9B6-DF07151C5F9A}" dt="2024-06-13T13:56:16.351" v="10739" actId="113"/>
          <ac:spMkLst>
            <pc:docMk/>
            <pc:sldMk cId="1938563299" sldId="281"/>
            <ac:spMk id="4" creationId="{D9EF2819-C523-743A-395B-2284D1F37E43}"/>
          </ac:spMkLst>
        </pc:spChg>
      </pc:sldChg>
      <pc:sldChg chg="delSp modSp new mod">
        <pc:chgData name="Graaf, T.C.D. van de (Tim) (TV_SZV)" userId="b210a36d-96bf-4faa-a100-09ca5f208414" providerId="ADAL" clId="{E26BB67C-F476-4B28-B9B6-DF07151C5F9A}" dt="2024-06-13T14:54:48.270" v="11895" actId="255"/>
        <pc:sldMkLst>
          <pc:docMk/>
          <pc:sldMk cId="216476310" sldId="282"/>
        </pc:sldMkLst>
        <pc:spChg chg="mod">
          <ac:chgData name="Graaf, T.C.D. van de (Tim) (TV_SZV)" userId="b210a36d-96bf-4faa-a100-09ca5f208414" providerId="ADAL" clId="{E26BB67C-F476-4B28-B9B6-DF07151C5F9A}" dt="2024-06-13T14:19:33.800" v="11203" actId="20577"/>
          <ac:spMkLst>
            <pc:docMk/>
            <pc:sldMk cId="216476310" sldId="282"/>
            <ac:spMk id="2" creationId="{5F1BC319-9901-3AA5-E65E-1AC77E536BFC}"/>
          </ac:spMkLst>
        </pc:spChg>
        <pc:spChg chg="mod">
          <ac:chgData name="Graaf, T.C.D. van de (Tim) (TV_SZV)" userId="b210a36d-96bf-4faa-a100-09ca5f208414" providerId="ADAL" clId="{E26BB67C-F476-4B28-B9B6-DF07151C5F9A}" dt="2024-06-13T14:54:48.270" v="11895" actId="255"/>
          <ac:spMkLst>
            <pc:docMk/>
            <pc:sldMk cId="216476310" sldId="282"/>
            <ac:spMk id="4" creationId="{711AA277-C36E-0F60-9053-FF24A424D43E}"/>
          </ac:spMkLst>
        </pc:spChg>
        <pc:spChg chg="del">
          <ac:chgData name="Graaf, T.C.D. van de (Tim) (TV_SZV)" userId="b210a36d-96bf-4faa-a100-09ca5f208414" providerId="ADAL" clId="{E26BB67C-F476-4B28-B9B6-DF07151C5F9A}" dt="2024-06-13T14:19:06.166" v="11191" actId="21"/>
          <ac:spMkLst>
            <pc:docMk/>
            <pc:sldMk cId="216476310" sldId="282"/>
            <ac:spMk id="5" creationId="{AEE862BF-C1C4-DCB0-21A7-2154668DA4AC}"/>
          </ac:spMkLst>
        </pc:spChg>
      </pc:sldChg>
      <pc:sldChg chg="delSp modSp new mod">
        <pc:chgData name="Graaf, T.C.D. van de (Tim) (TV_SZV)" userId="b210a36d-96bf-4faa-a100-09ca5f208414" providerId="ADAL" clId="{E26BB67C-F476-4B28-B9B6-DF07151C5F9A}" dt="2024-06-17T13:44:14.247" v="12288" actId="20577"/>
        <pc:sldMkLst>
          <pc:docMk/>
          <pc:sldMk cId="3203130721" sldId="284"/>
        </pc:sldMkLst>
        <pc:spChg chg="mod">
          <ac:chgData name="Graaf, T.C.D. van de (Tim) (TV_SZV)" userId="b210a36d-96bf-4faa-a100-09ca5f208414" providerId="ADAL" clId="{E26BB67C-F476-4B28-B9B6-DF07151C5F9A}" dt="2024-06-17T13:35:24.444" v="12008"/>
          <ac:spMkLst>
            <pc:docMk/>
            <pc:sldMk cId="3203130721" sldId="284"/>
            <ac:spMk id="2" creationId="{BBCF7843-08EF-B3EC-6F6D-384B5078B5FB}"/>
          </ac:spMkLst>
        </pc:spChg>
        <pc:spChg chg="mod">
          <ac:chgData name="Graaf, T.C.D. van de (Tim) (TV_SZV)" userId="b210a36d-96bf-4faa-a100-09ca5f208414" providerId="ADAL" clId="{E26BB67C-F476-4B28-B9B6-DF07151C5F9A}" dt="2024-06-17T13:44:14.247" v="12288" actId="20577"/>
          <ac:spMkLst>
            <pc:docMk/>
            <pc:sldMk cId="3203130721" sldId="284"/>
            <ac:spMk id="4" creationId="{925F2A13-61DF-9021-53FD-057719A12BF9}"/>
          </ac:spMkLst>
        </pc:spChg>
        <pc:spChg chg="del">
          <ac:chgData name="Graaf, T.C.D. van de (Tim) (TV_SZV)" userId="b210a36d-96bf-4faa-a100-09ca5f208414" providerId="ADAL" clId="{E26BB67C-F476-4B28-B9B6-DF07151C5F9A}" dt="2024-06-17T13:35:28.384" v="12009" actId="21"/>
          <ac:spMkLst>
            <pc:docMk/>
            <pc:sldMk cId="3203130721" sldId="284"/>
            <ac:spMk id="5" creationId="{7389E7B6-86EA-45CC-BB76-CBF7F0EB908B}"/>
          </ac:spMkLst>
        </pc:spChg>
      </pc:sldChg>
    </pc:docChg>
  </pc:docChgLst>
  <pc:docChgLst>
    <pc:chgData name="Ploegmakers, R.H.J. (Roel) (TV_SZV)" userId="0fb9d3ad-3e94-4b1b-ab34-492cdc785176" providerId="ADAL" clId="{99BC65FC-9BC8-433F-9E35-7D24779535E9}"/>
    <pc:docChg chg="undo custSel addSld delSld modSld sldOrd modSection">
      <pc:chgData name="Ploegmakers, R.H.J. (Roel) (TV_SZV)" userId="0fb9d3ad-3e94-4b1b-ab34-492cdc785176" providerId="ADAL" clId="{99BC65FC-9BC8-433F-9E35-7D24779535E9}" dt="2024-06-14T10:43:08.654" v="4814" actId="20577"/>
      <pc:docMkLst>
        <pc:docMk/>
      </pc:docMkLst>
      <pc:sldChg chg="modSp mod">
        <pc:chgData name="Ploegmakers, R.H.J. (Roel) (TV_SZV)" userId="0fb9d3ad-3e94-4b1b-ab34-492cdc785176" providerId="ADAL" clId="{99BC65FC-9BC8-433F-9E35-7D24779535E9}" dt="2024-06-13T09:49:22.703" v="2508" actId="207"/>
        <pc:sldMkLst>
          <pc:docMk/>
          <pc:sldMk cId="1096815133" sldId="262"/>
        </pc:sldMkLst>
        <pc:spChg chg="mod">
          <ac:chgData name="Ploegmakers, R.H.J. (Roel) (TV_SZV)" userId="0fb9d3ad-3e94-4b1b-ab34-492cdc785176" providerId="ADAL" clId="{99BC65FC-9BC8-433F-9E35-7D24779535E9}" dt="2024-06-13T09:49:22.703" v="2508" actId="207"/>
          <ac:spMkLst>
            <pc:docMk/>
            <pc:sldMk cId="1096815133" sldId="262"/>
            <ac:spMk id="10" creationId="{5A7CC602-B70A-805D-59A2-7E075C0B76E1}"/>
          </ac:spMkLst>
        </pc:spChg>
        <pc:spChg chg="mod">
          <ac:chgData name="Ploegmakers, R.H.J. (Roel) (TV_SZV)" userId="0fb9d3ad-3e94-4b1b-ab34-492cdc785176" providerId="ADAL" clId="{99BC65FC-9BC8-433F-9E35-7D24779535E9}" dt="2024-06-11T12:27:26.517" v="2472" actId="20577"/>
          <ac:spMkLst>
            <pc:docMk/>
            <pc:sldMk cId="1096815133" sldId="262"/>
            <ac:spMk id="11" creationId="{C1AEF188-BC9A-DAC2-1959-15B7CD467711}"/>
          </ac:spMkLst>
        </pc:spChg>
      </pc:sldChg>
      <pc:sldChg chg="modSp mod">
        <pc:chgData name="Ploegmakers, R.H.J. (Roel) (TV_SZV)" userId="0fb9d3ad-3e94-4b1b-ab34-492cdc785176" providerId="ADAL" clId="{99BC65FC-9BC8-433F-9E35-7D24779535E9}" dt="2024-06-14T10:27:00.490" v="3969" actId="20577"/>
        <pc:sldMkLst>
          <pc:docMk/>
          <pc:sldMk cId="2066146231" sldId="263"/>
        </pc:sldMkLst>
        <pc:spChg chg="mod">
          <ac:chgData name="Ploegmakers, R.H.J. (Roel) (TV_SZV)" userId="0fb9d3ad-3e94-4b1b-ab34-492cdc785176" providerId="ADAL" clId="{99BC65FC-9BC8-433F-9E35-7D24779535E9}" dt="2024-06-14T10:27:00.490" v="3969" actId="20577"/>
          <ac:spMkLst>
            <pc:docMk/>
            <pc:sldMk cId="2066146231" sldId="263"/>
            <ac:spMk id="4" creationId="{EC7E6EFB-AB1B-B1DB-60AC-B82E6969E915}"/>
          </ac:spMkLst>
        </pc:spChg>
        <pc:spChg chg="mod">
          <ac:chgData name="Ploegmakers, R.H.J. (Roel) (TV_SZV)" userId="0fb9d3ad-3e94-4b1b-ab34-492cdc785176" providerId="ADAL" clId="{99BC65FC-9BC8-433F-9E35-7D24779535E9}" dt="2024-06-14T10:17:04.743" v="3543" actId="20577"/>
          <ac:spMkLst>
            <pc:docMk/>
            <pc:sldMk cId="2066146231" sldId="263"/>
            <ac:spMk id="16" creationId="{C870990D-5E1A-F55C-8D33-7D4905016E6C}"/>
          </ac:spMkLst>
        </pc:spChg>
      </pc:sldChg>
      <pc:sldChg chg="addSp delSp modSp mod">
        <pc:chgData name="Ploegmakers, R.H.J. (Roel) (TV_SZV)" userId="0fb9d3ad-3e94-4b1b-ab34-492cdc785176" providerId="ADAL" clId="{99BC65FC-9BC8-433F-9E35-7D24779535E9}" dt="2024-06-13T09:49:41.686" v="2512" actId="20577"/>
        <pc:sldMkLst>
          <pc:docMk/>
          <pc:sldMk cId="330705974" sldId="267"/>
        </pc:sldMkLst>
        <pc:spChg chg="add mod">
          <ac:chgData name="Ploegmakers, R.H.J. (Roel) (TV_SZV)" userId="0fb9d3ad-3e94-4b1b-ab34-492cdc785176" providerId="ADAL" clId="{99BC65FC-9BC8-433F-9E35-7D24779535E9}" dt="2024-06-13T09:49:41.686" v="2512" actId="20577"/>
          <ac:spMkLst>
            <pc:docMk/>
            <pc:sldMk cId="330705974" sldId="267"/>
            <ac:spMk id="5" creationId="{49CC5F20-034E-FA62-F5D4-65E06C978327}"/>
          </ac:spMkLst>
        </pc:spChg>
        <pc:picChg chg="del mod">
          <ac:chgData name="Ploegmakers, R.H.J. (Roel) (TV_SZV)" userId="0fb9d3ad-3e94-4b1b-ab34-492cdc785176" providerId="ADAL" clId="{99BC65FC-9BC8-433F-9E35-7D24779535E9}" dt="2024-06-07T14:35:38.416" v="595" actId="478"/>
          <ac:picMkLst>
            <pc:docMk/>
            <pc:sldMk cId="330705974" sldId="267"/>
            <ac:picMk id="4" creationId="{A7C7731F-FF14-138E-F337-3D1545030396}"/>
          </ac:picMkLst>
        </pc:picChg>
      </pc:sldChg>
      <pc:sldChg chg="modSp mod">
        <pc:chgData name="Ploegmakers, R.H.J. (Roel) (TV_SZV)" userId="0fb9d3ad-3e94-4b1b-ab34-492cdc785176" providerId="ADAL" clId="{99BC65FC-9BC8-433F-9E35-7D24779535E9}" dt="2024-06-14T10:23:33.871" v="3825" actId="1076"/>
        <pc:sldMkLst>
          <pc:docMk/>
          <pc:sldMk cId="1163821806" sldId="269"/>
        </pc:sldMkLst>
        <pc:spChg chg="mod">
          <ac:chgData name="Ploegmakers, R.H.J. (Roel) (TV_SZV)" userId="0fb9d3ad-3e94-4b1b-ab34-492cdc785176" providerId="ADAL" clId="{99BC65FC-9BC8-433F-9E35-7D24779535E9}" dt="2024-06-14T10:13:18.476" v="3343" actId="3064"/>
          <ac:spMkLst>
            <pc:docMk/>
            <pc:sldMk cId="1163821806" sldId="269"/>
            <ac:spMk id="2" creationId="{45E93688-9B92-A9D3-CF3B-E4E8DC137A83}"/>
          </ac:spMkLst>
        </pc:spChg>
        <pc:spChg chg="mod">
          <ac:chgData name="Ploegmakers, R.H.J. (Roel) (TV_SZV)" userId="0fb9d3ad-3e94-4b1b-ab34-492cdc785176" providerId="ADAL" clId="{99BC65FC-9BC8-433F-9E35-7D24779535E9}" dt="2024-06-14T10:23:33.871" v="3825" actId="1076"/>
          <ac:spMkLst>
            <pc:docMk/>
            <pc:sldMk cId="1163821806" sldId="269"/>
            <ac:spMk id="9" creationId="{91A84B79-07D4-E4EF-CF64-D6B0E517F427}"/>
          </ac:spMkLst>
        </pc:spChg>
        <pc:picChg chg="mod">
          <ac:chgData name="Ploegmakers, R.H.J. (Roel) (TV_SZV)" userId="0fb9d3ad-3e94-4b1b-ab34-492cdc785176" providerId="ADAL" clId="{99BC65FC-9BC8-433F-9E35-7D24779535E9}" dt="2024-06-14T10:23:06.978" v="3822" actId="1076"/>
          <ac:picMkLst>
            <pc:docMk/>
            <pc:sldMk cId="1163821806" sldId="269"/>
            <ac:picMk id="6" creationId="{9AC12962-B4B0-800B-E294-A4D0304C1856}"/>
          </ac:picMkLst>
        </pc:picChg>
      </pc:sldChg>
      <pc:sldChg chg="addSp delSp modSp mod">
        <pc:chgData name="Ploegmakers, R.H.J. (Roel) (TV_SZV)" userId="0fb9d3ad-3e94-4b1b-ab34-492cdc785176" providerId="ADAL" clId="{99BC65FC-9BC8-433F-9E35-7D24779535E9}" dt="2024-06-14T10:25:17.695" v="3856" actId="113"/>
        <pc:sldMkLst>
          <pc:docMk/>
          <pc:sldMk cId="1268542576" sldId="270"/>
        </pc:sldMkLst>
        <pc:spChg chg="mod">
          <ac:chgData name="Ploegmakers, R.H.J. (Roel) (TV_SZV)" userId="0fb9d3ad-3e94-4b1b-ab34-492cdc785176" providerId="ADAL" clId="{99BC65FC-9BC8-433F-9E35-7D24779535E9}" dt="2024-06-14T10:15:00.841" v="3415" actId="1076"/>
          <ac:spMkLst>
            <pc:docMk/>
            <pc:sldMk cId="1268542576" sldId="270"/>
            <ac:spMk id="2" creationId="{577F42C0-735B-09BC-ECAB-E1BB6520431D}"/>
          </ac:spMkLst>
        </pc:spChg>
        <pc:spChg chg="del">
          <ac:chgData name="Ploegmakers, R.H.J. (Roel) (TV_SZV)" userId="0fb9d3ad-3e94-4b1b-ab34-492cdc785176" providerId="ADAL" clId="{99BC65FC-9BC8-433F-9E35-7D24779535E9}" dt="2024-06-14T10:05:10.853" v="3053" actId="478"/>
          <ac:spMkLst>
            <pc:docMk/>
            <pc:sldMk cId="1268542576" sldId="270"/>
            <ac:spMk id="5" creationId="{2ACFD973-0534-5415-E091-BAE5E2912B40}"/>
          </ac:spMkLst>
        </pc:spChg>
        <pc:spChg chg="add del mod">
          <ac:chgData name="Ploegmakers, R.H.J. (Roel) (TV_SZV)" userId="0fb9d3ad-3e94-4b1b-ab34-492cdc785176" providerId="ADAL" clId="{99BC65FC-9BC8-433F-9E35-7D24779535E9}" dt="2024-06-07T14:39:03.879" v="789" actId="21"/>
          <ac:spMkLst>
            <pc:docMk/>
            <pc:sldMk cId="1268542576" sldId="270"/>
            <ac:spMk id="7" creationId="{852C3F1D-A240-00FC-151E-194AC9150A2B}"/>
          </ac:spMkLst>
        </pc:spChg>
        <pc:spChg chg="del mod">
          <ac:chgData name="Ploegmakers, R.H.J. (Roel) (TV_SZV)" userId="0fb9d3ad-3e94-4b1b-ab34-492cdc785176" providerId="ADAL" clId="{99BC65FC-9BC8-433F-9E35-7D24779535E9}" dt="2024-06-07T14:39:43.443" v="790" actId="478"/>
          <ac:spMkLst>
            <pc:docMk/>
            <pc:sldMk cId="1268542576" sldId="270"/>
            <ac:spMk id="8" creationId="{D5FF5BAD-38DB-D4D2-4195-753FA904F0A0}"/>
          </ac:spMkLst>
        </pc:spChg>
        <pc:spChg chg="add mod">
          <ac:chgData name="Ploegmakers, R.H.J. (Roel) (TV_SZV)" userId="0fb9d3ad-3e94-4b1b-ab34-492cdc785176" providerId="ADAL" clId="{99BC65FC-9BC8-433F-9E35-7D24779535E9}" dt="2024-06-14T10:25:17.695" v="3856" actId="113"/>
          <ac:spMkLst>
            <pc:docMk/>
            <pc:sldMk cId="1268542576" sldId="270"/>
            <ac:spMk id="11" creationId="{18818124-A9BF-FFBA-EFBF-36DB75B68053}"/>
          </ac:spMkLst>
        </pc:spChg>
        <pc:spChg chg="del mod">
          <ac:chgData name="Ploegmakers, R.H.J. (Roel) (TV_SZV)" userId="0fb9d3ad-3e94-4b1b-ab34-492cdc785176" providerId="ADAL" clId="{99BC65FC-9BC8-433F-9E35-7D24779535E9}" dt="2024-06-14T10:05:10.853" v="3053" actId="478"/>
          <ac:spMkLst>
            <pc:docMk/>
            <pc:sldMk cId="1268542576" sldId="270"/>
            <ac:spMk id="17" creationId="{4D645C46-D4A1-38D6-D81D-D3D6A6C5DE61}"/>
          </ac:spMkLst>
        </pc:spChg>
        <pc:picChg chg="add mod">
          <ac:chgData name="Ploegmakers, R.H.J. (Roel) (TV_SZV)" userId="0fb9d3ad-3e94-4b1b-ab34-492cdc785176" providerId="ADAL" clId="{99BC65FC-9BC8-433F-9E35-7D24779535E9}" dt="2024-06-14T10:25:11.833" v="3854" actId="1076"/>
          <ac:picMkLst>
            <pc:docMk/>
            <pc:sldMk cId="1268542576" sldId="270"/>
            <ac:picMk id="7" creationId="{3BA16304-5645-641A-A7C6-19707094850A}"/>
          </ac:picMkLst>
        </pc:picChg>
        <pc:picChg chg="add del mod">
          <ac:chgData name="Ploegmakers, R.H.J. (Roel) (TV_SZV)" userId="0fb9d3ad-3e94-4b1b-ab34-492cdc785176" providerId="ADAL" clId="{99BC65FC-9BC8-433F-9E35-7D24779535E9}" dt="2024-06-14T10:08:19.343" v="3065" actId="21"/>
          <ac:picMkLst>
            <pc:docMk/>
            <pc:sldMk cId="1268542576" sldId="270"/>
            <ac:picMk id="9" creationId="{F94C3912-2BFB-C201-B929-AA4125CF352D}"/>
          </ac:picMkLst>
        </pc:picChg>
        <pc:picChg chg="del">
          <ac:chgData name="Ploegmakers, R.H.J. (Roel) (TV_SZV)" userId="0fb9d3ad-3e94-4b1b-ab34-492cdc785176" providerId="ADAL" clId="{99BC65FC-9BC8-433F-9E35-7D24779535E9}" dt="2024-06-14T10:03:17.469" v="3032" actId="478"/>
          <ac:picMkLst>
            <pc:docMk/>
            <pc:sldMk cId="1268542576" sldId="270"/>
            <ac:picMk id="10" creationId="{8618FB30-8131-D86B-69D7-3D99EF7988B1}"/>
          </ac:picMkLst>
        </pc:picChg>
        <pc:cxnChg chg="del">
          <ac:chgData name="Ploegmakers, R.H.J. (Roel) (TV_SZV)" userId="0fb9d3ad-3e94-4b1b-ab34-492cdc785176" providerId="ADAL" clId="{99BC65FC-9BC8-433F-9E35-7D24779535E9}" dt="2024-06-14T10:05:10.853" v="3053" actId="478"/>
          <ac:cxnSpMkLst>
            <pc:docMk/>
            <pc:sldMk cId="1268542576" sldId="270"/>
            <ac:cxnSpMk id="4" creationId="{1ABF3649-1C73-53EF-1BC5-D7D21207945E}"/>
          </ac:cxnSpMkLst>
        </pc:cxnChg>
        <pc:cxnChg chg="del">
          <ac:chgData name="Ploegmakers, R.H.J. (Roel) (TV_SZV)" userId="0fb9d3ad-3e94-4b1b-ab34-492cdc785176" providerId="ADAL" clId="{99BC65FC-9BC8-433F-9E35-7D24779535E9}" dt="2024-06-14T10:05:10.853" v="3053" actId="478"/>
          <ac:cxnSpMkLst>
            <pc:docMk/>
            <pc:sldMk cId="1268542576" sldId="270"/>
            <ac:cxnSpMk id="12" creationId="{FFF18868-5E3D-47E4-5640-6D8EB3E98536}"/>
          </ac:cxnSpMkLst>
        </pc:cxnChg>
      </pc:sldChg>
      <pc:sldChg chg="addSp modSp add del mod">
        <pc:chgData name="Ploegmakers, R.H.J. (Roel) (TV_SZV)" userId="0fb9d3ad-3e94-4b1b-ab34-492cdc785176" providerId="ADAL" clId="{99BC65FC-9BC8-433F-9E35-7D24779535E9}" dt="2024-06-13T09:43:31.166" v="2506" actId="47"/>
        <pc:sldMkLst>
          <pc:docMk/>
          <pc:sldMk cId="1734913122" sldId="272"/>
        </pc:sldMkLst>
        <pc:spChg chg="mod">
          <ac:chgData name="Ploegmakers, R.H.J. (Roel) (TV_SZV)" userId="0fb9d3ad-3e94-4b1b-ab34-492cdc785176" providerId="ADAL" clId="{99BC65FC-9BC8-433F-9E35-7D24779535E9}" dt="2024-06-13T09:42:36.891" v="2498" actId="21"/>
          <ac:spMkLst>
            <pc:docMk/>
            <pc:sldMk cId="1734913122" sldId="272"/>
            <ac:spMk id="4" creationId="{D9EF2819-C523-743A-395B-2284D1F37E43}"/>
          </ac:spMkLst>
        </pc:spChg>
        <pc:spChg chg="add mod">
          <ac:chgData name="Ploegmakers, R.H.J. (Roel) (TV_SZV)" userId="0fb9d3ad-3e94-4b1b-ab34-492cdc785176" providerId="ADAL" clId="{99BC65FC-9BC8-433F-9E35-7D24779535E9}" dt="2024-06-11T12:10:14.515" v="1581" actId="1076"/>
          <ac:spMkLst>
            <pc:docMk/>
            <pc:sldMk cId="1734913122" sldId="272"/>
            <ac:spMk id="5" creationId="{4999A0D2-422A-701C-3A0F-4FEBB0E25259}"/>
          </ac:spMkLst>
        </pc:spChg>
        <pc:spChg chg="add mod">
          <ac:chgData name="Ploegmakers, R.H.J. (Roel) (TV_SZV)" userId="0fb9d3ad-3e94-4b1b-ab34-492cdc785176" providerId="ADAL" clId="{99BC65FC-9BC8-433F-9E35-7D24779535E9}" dt="2024-06-11T12:16:02.834" v="2154" actId="20577"/>
          <ac:spMkLst>
            <pc:docMk/>
            <pc:sldMk cId="1734913122" sldId="272"/>
            <ac:spMk id="6" creationId="{8529E5DF-C0ED-F730-79F4-AEC5F3D2639C}"/>
          </ac:spMkLst>
        </pc:spChg>
      </pc:sldChg>
      <pc:sldChg chg="modSp mod">
        <pc:chgData name="Ploegmakers, R.H.J. (Roel) (TV_SZV)" userId="0fb9d3ad-3e94-4b1b-ab34-492cdc785176" providerId="ADAL" clId="{99BC65FC-9BC8-433F-9E35-7D24779535E9}" dt="2024-06-14T10:30:44.654" v="4192" actId="20577"/>
        <pc:sldMkLst>
          <pc:docMk/>
          <pc:sldMk cId="3976012057" sldId="274"/>
        </pc:sldMkLst>
        <pc:spChg chg="mod">
          <ac:chgData name="Ploegmakers, R.H.J. (Roel) (TV_SZV)" userId="0fb9d3ad-3e94-4b1b-ab34-492cdc785176" providerId="ADAL" clId="{99BC65FC-9BC8-433F-9E35-7D24779535E9}" dt="2024-06-14T10:30:44.654" v="4192" actId="20577"/>
          <ac:spMkLst>
            <pc:docMk/>
            <pc:sldMk cId="3976012057" sldId="274"/>
            <ac:spMk id="4" creationId="{7368E9A9-1B63-0387-253F-0C8E365EF812}"/>
          </ac:spMkLst>
        </pc:spChg>
      </pc:sldChg>
      <pc:sldChg chg="modSp mod ord addCm">
        <pc:chgData name="Ploegmakers, R.H.J. (Roel) (TV_SZV)" userId="0fb9d3ad-3e94-4b1b-ab34-492cdc785176" providerId="ADAL" clId="{99BC65FC-9BC8-433F-9E35-7D24779535E9}" dt="2024-06-14T10:34:36.446" v="4431" actId="14100"/>
        <pc:sldMkLst>
          <pc:docMk/>
          <pc:sldMk cId="1085857997" sldId="275"/>
        </pc:sldMkLst>
        <pc:spChg chg="mod">
          <ac:chgData name="Ploegmakers, R.H.J. (Roel) (TV_SZV)" userId="0fb9d3ad-3e94-4b1b-ab34-492cdc785176" providerId="ADAL" clId="{99BC65FC-9BC8-433F-9E35-7D24779535E9}" dt="2024-06-14T10:34:36.446" v="4431" actId="14100"/>
          <ac:spMkLst>
            <pc:docMk/>
            <pc:sldMk cId="1085857997" sldId="275"/>
            <ac:spMk id="2" creationId="{8DFE3176-DE6C-174D-900F-4654D1B5B218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add">
              <pc226:chgData name="Ploegmakers, R.H.J. (Roel) (TV_SZV)" userId="0fb9d3ad-3e94-4b1b-ab34-492cdc785176" providerId="ADAL" clId="{99BC65FC-9BC8-433F-9E35-7D24779535E9}" dt="2024-06-11T12:08:29.273" v="1531"/>
              <pc2:cmMkLst xmlns:pc2="http://schemas.microsoft.com/office/powerpoint/2019/9/main/command">
                <pc:docMk/>
                <pc:sldMk cId="1085857997" sldId="275"/>
                <pc2:cmMk id="{0E99E7FD-21EF-46B7-B897-642CF3C908C6}"/>
              </pc2:cmMkLst>
            </pc226:cmChg>
          </p:ext>
        </pc:extLst>
      </pc:sldChg>
      <pc:sldChg chg="modSp mod addCm modCm">
        <pc:chgData name="Ploegmakers, R.H.J. (Roel) (TV_SZV)" userId="0fb9d3ad-3e94-4b1b-ab34-492cdc785176" providerId="ADAL" clId="{99BC65FC-9BC8-433F-9E35-7D24779535E9}" dt="2024-06-14T10:37:24.907" v="4663" actId="20577"/>
        <pc:sldMkLst>
          <pc:docMk/>
          <pc:sldMk cId="844467682" sldId="276"/>
        </pc:sldMkLst>
        <pc:spChg chg="mod">
          <ac:chgData name="Ploegmakers, R.H.J. (Roel) (TV_SZV)" userId="0fb9d3ad-3e94-4b1b-ab34-492cdc785176" providerId="ADAL" clId="{99BC65FC-9BC8-433F-9E35-7D24779535E9}" dt="2024-06-14T10:34:59.176" v="4448" actId="20577"/>
          <ac:spMkLst>
            <pc:docMk/>
            <pc:sldMk cId="844467682" sldId="276"/>
            <ac:spMk id="2" creationId="{C4689528-C34A-C57C-2A12-029690BE0CEE}"/>
          </ac:spMkLst>
        </pc:spChg>
        <pc:spChg chg="mod">
          <ac:chgData name="Ploegmakers, R.H.J. (Roel) (TV_SZV)" userId="0fb9d3ad-3e94-4b1b-ab34-492cdc785176" providerId="ADAL" clId="{99BC65FC-9BC8-433F-9E35-7D24779535E9}" dt="2024-06-14T10:37:24.907" v="4663" actId="20577"/>
          <ac:spMkLst>
            <pc:docMk/>
            <pc:sldMk cId="844467682" sldId="276"/>
            <ac:spMk id="4" creationId="{6E87649F-C3F6-7544-8CBC-441538E05483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">
              <pc226:chgData name="Ploegmakers, R.H.J. (Roel) (TV_SZV)" userId="0fb9d3ad-3e94-4b1b-ab34-492cdc785176" providerId="ADAL" clId="{99BC65FC-9BC8-433F-9E35-7D24779535E9}" dt="2024-06-11T12:27:03.526" v="2462"/>
              <pc2:cmMkLst xmlns:pc2="http://schemas.microsoft.com/office/powerpoint/2019/9/main/command">
                <pc:docMk/>
                <pc:sldMk cId="844467682" sldId="276"/>
                <pc2:cmMk id="{F17B4BAD-2E20-4BB6-8CC7-F895AFD63B3E}"/>
              </pc2:cmMkLst>
              <pc226:cmRplyChg chg="add mod">
                <pc226:chgData name="Ploegmakers, R.H.J. (Roel) (TV_SZV)" userId="0fb9d3ad-3e94-4b1b-ab34-492cdc785176" providerId="ADAL" clId="{99BC65FC-9BC8-433F-9E35-7D24779535E9}" dt="2024-06-11T12:27:03.526" v="2462"/>
                <pc2:cmRplyMkLst xmlns:pc2="http://schemas.microsoft.com/office/powerpoint/2019/9/main/command">
                  <pc:docMk/>
                  <pc:sldMk cId="844467682" sldId="276"/>
                  <pc2:cmMk id="{F17B4BAD-2E20-4BB6-8CC7-F895AFD63B3E}"/>
                  <pc2:cmRplyMk id="{E8565E04-CA24-418C-97E3-0B8290B630DC}"/>
                </pc2:cmRplyMkLst>
              </pc226:cmRplyChg>
            </pc226:cmChg>
            <pc226:cmChg xmlns:pc226="http://schemas.microsoft.com/office/powerpoint/2022/06/main/command" chg="add mod">
              <pc226:chgData name="Ploegmakers, R.H.J. (Roel) (TV_SZV)" userId="0fb9d3ad-3e94-4b1b-ab34-492cdc785176" providerId="ADAL" clId="{99BC65FC-9BC8-433F-9E35-7D24779535E9}" dt="2024-06-11T12:26:40.387" v="2461"/>
              <pc2:cmMkLst xmlns:pc2="http://schemas.microsoft.com/office/powerpoint/2019/9/main/command">
                <pc:docMk/>
                <pc:sldMk cId="844467682" sldId="276"/>
                <pc2:cmMk id="{9943FAD6-3353-4462-AAEB-041BAB3EFB33}"/>
              </pc2:cmMkLst>
            </pc226:cmChg>
            <pc226:cmChg xmlns:pc226="http://schemas.microsoft.com/office/powerpoint/2022/06/main/command" chg="add mod">
              <pc226:chgData name="Ploegmakers, R.H.J. (Roel) (TV_SZV)" userId="0fb9d3ad-3e94-4b1b-ab34-492cdc785176" providerId="ADAL" clId="{99BC65FC-9BC8-433F-9E35-7D24779535E9}" dt="2024-06-14T10:37:24.907" v="4663" actId="20577"/>
              <pc2:cmMkLst xmlns:pc2="http://schemas.microsoft.com/office/powerpoint/2019/9/main/command">
                <pc:docMk/>
                <pc:sldMk cId="844467682" sldId="276"/>
                <pc2:cmMk id="{72CBE9ED-CF87-4F41-9169-68D9A58C8AE1}"/>
              </pc2:cmMkLst>
            </pc226:cmChg>
          </p:ext>
        </pc:extLst>
      </pc:sldChg>
      <pc:sldChg chg="modSp add mod">
        <pc:chgData name="Ploegmakers, R.H.J. (Roel) (TV_SZV)" userId="0fb9d3ad-3e94-4b1b-ab34-492cdc785176" providerId="ADAL" clId="{99BC65FC-9BC8-433F-9E35-7D24779535E9}" dt="2024-06-14T10:29:24.982" v="4112"/>
        <pc:sldMkLst>
          <pc:docMk/>
          <pc:sldMk cId="1692255342" sldId="277"/>
        </pc:sldMkLst>
        <pc:spChg chg="mod">
          <ac:chgData name="Ploegmakers, R.H.J. (Roel) (TV_SZV)" userId="0fb9d3ad-3e94-4b1b-ab34-492cdc785176" providerId="ADAL" clId="{99BC65FC-9BC8-433F-9E35-7D24779535E9}" dt="2024-06-14T10:29:24.982" v="4112"/>
          <ac:spMkLst>
            <pc:docMk/>
            <pc:sldMk cId="1692255342" sldId="277"/>
            <ac:spMk id="4" creationId="{EC7E6EFB-AB1B-B1DB-60AC-B82E6969E915}"/>
          </ac:spMkLst>
        </pc:spChg>
        <pc:spChg chg="mod">
          <ac:chgData name="Ploegmakers, R.H.J. (Roel) (TV_SZV)" userId="0fb9d3ad-3e94-4b1b-ab34-492cdc785176" providerId="ADAL" clId="{99BC65FC-9BC8-433F-9E35-7D24779535E9}" dt="2024-06-14T10:16:35.310" v="3528" actId="20577"/>
          <ac:spMkLst>
            <pc:docMk/>
            <pc:sldMk cId="1692255342" sldId="277"/>
            <ac:spMk id="16" creationId="{C870990D-5E1A-F55C-8D33-7D4905016E6C}"/>
          </ac:spMkLst>
        </pc:spChg>
      </pc:sldChg>
      <pc:sldChg chg="modSp mod addCm modCm">
        <pc:chgData name="Ploegmakers, R.H.J. (Roel) (TV_SZV)" userId="0fb9d3ad-3e94-4b1b-ab34-492cdc785176" providerId="ADAL" clId="{99BC65FC-9BC8-433F-9E35-7D24779535E9}" dt="2024-06-14T10:42:30.389" v="4804" actId="6549"/>
        <pc:sldMkLst>
          <pc:docMk/>
          <pc:sldMk cId="4197308347" sldId="278"/>
        </pc:sldMkLst>
        <pc:spChg chg="mod">
          <ac:chgData name="Ploegmakers, R.H.J. (Roel) (TV_SZV)" userId="0fb9d3ad-3e94-4b1b-ab34-492cdc785176" providerId="ADAL" clId="{99BC65FC-9BC8-433F-9E35-7D24779535E9}" dt="2024-06-14T10:42:30.389" v="4804" actId="6549"/>
          <ac:spMkLst>
            <pc:docMk/>
            <pc:sldMk cId="4197308347" sldId="278"/>
            <ac:spMk id="2" creationId="{2DC5A7C9-35E6-743B-8F52-1972DBFEA9B8}"/>
          </ac:spMkLst>
        </pc:spChg>
        <pc:spChg chg="mod">
          <ac:chgData name="Ploegmakers, R.H.J. (Roel) (TV_SZV)" userId="0fb9d3ad-3e94-4b1b-ab34-492cdc785176" providerId="ADAL" clId="{99BC65FC-9BC8-433F-9E35-7D24779535E9}" dt="2024-06-14T10:38:46.162" v="4682" actId="6549"/>
          <ac:spMkLst>
            <pc:docMk/>
            <pc:sldMk cId="4197308347" sldId="278"/>
            <ac:spMk id="4" creationId="{12243CAF-0A67-7B4E-F498-BF393778CEF0}"/>
          </ac:spMkLst>
        </pc:spChg>
        <pc:extLst>
          <p:ext xmlns:p="http://schemas.openxmlformats.org/presentationml/2006/main" uri="{D6D511B9-2390-475A-947B-AFAB55BFBCF1}">
            <pc226:cmChg xmlns:pc226="http://schemas.microsoft.com/office/powerpoint/2022/06/main/command" chg="add mod">
              <pc226:chgData name="Ploegmakers, R.H.J. (Roel) (TV_SZV)" userId="0fb9d3ad-3e94-4b1b-ab34-492cdc785176" providerId="ADAL" clId="{99BC65FC-9BC8-433F-9E35-7D24779535E9}" dt="2024-06-11T12:19:46.848" v="2315"/>
              <pc2:cmMkLst xmlns:pc2="http://schemas.microsoft.com/office/powerpoint/2019/9/main/command">
                <pc:docMk/>
                <pc:sldMk cId="4197308347" sldId="278"/>
                <pc2:cmMk id="{B426884A-1872-4AC1-84CF-8EA08D311BA4}"/>
              </pc2:cmMkLst>
            </pc226:cmChg>
          </p:ext>
        </pc:extLst>
      </pc:sldChg>
      <pc:sldChg chg="delSp modSp add mod addCm delCm modCm">
        <pc:chgData name="Ploegmakers, R.H.J. (Roel) (TV_SZV)" userId="0fb9d3ad-3e94-4b1b-ab34-492cdc785176" providerId="ADAL" clId="{99BC65FC-9BC8-433F-9E35-7D24779535E9}" dt="2024-06-14T10:43:08.654" v="4814" actId="20577"/>
        <pc:sldMkLst>
          <pc:docMk/>
          <pc:sldMk cId="1516917713" sldId="280"/>
        </pc:sldMkLst>
        <pc:spChg chg="mod">
          <ac:chgData name="Ploegmakers, R.H.J. (Roel) (TV_SZV)" userId="0fb9d3ad-3e94-4b1b-ab34-492cdc785176" providerId="ADAL" clId="{99BC65FC-9BC8-433F-9E35-7D24779535E9}" dt="2024-06-11T12:19:58.749" v="2318" actId="20577"/>
          <ac:spMkLst>
            <pc:docMk/>
            <pc:sldMk cId="1516917713" sldId="280"/>
            <ac:spMk id="2" creationId="{2DC5A7C9-35E6-743B-8F52-1972DBFEA9B8}"/>
          </ac:spMkLst>
        </pc:spChg>
        <pc:spChg chg="mod">
          <ac:chgData name="Ploegmakers, R.H.J. (Roel) (TV_SZV)" userId="0fb9d3ad-3e94-4b1b-ab34-492cdc785176" providerId="ADAL" clId="{99BC65FC-9BC8-433F-9E35-7D24779535E9}" dt="2024-06-14T10:43:08.654" v="4814" actId="20577"/>
          <ac:spMkLst>
            <pc:docMk/>
            <pc:sldMk cId="1516917713" sldId="280"/>
            <ac:spMk id="4" creationId="{12243CAF-0A67-7B4E-F498-BF393778CEF0}"/>
          </ac:spMkLst>
        </pc:spChg>
        <pc:picChg chg="del">
          <ac:chgData name="Ploegmakers, R.H.J. (Roel) (TV_SZV)" userId="0fb9d3ad-3e94-4b1b-ab34-492cdc785176" providerId="ADAL" clId="{99BC65FC-9BC8-433F-9E35-7D24779535E9}" dt="2024-06-11T12:20:16.418" v="2324" actId="478"/>
          <ac:picMkLst>
            <pc:docMk/>
            <pc:sldMk cId="1516917713" sldId="280"/>
            <ac:picMk id="6" creationId="{0CE58B0A-76D1-C68A-B9C0-C2C9466CFCAA}"/>
          </ac:picMkLst>
        </pc:picChg>
        <pc:extLst>
          <p:ext xmlns:p="http://schemas.openxmlformats.org/presentationml/2006/main" uri="{D6D511B9-2390-475A-947B-AFAB55BFBCF1}">
            <pc226:cmChg xmlns:pc226="http://schemas.microsoft.com/office/powerpoint/2022/06/main/command" chg="del mod">
              <pc226:chgData name="Ploegmakers, R.H.J. (Roel) (TV_SZV)" userId="0fb9d3ad-3e94-4b1b-ab34-492cdc785176" providerId="ADAL" clId="{99BC65FC-9BC8-433F-9E35-7D24779535E9}" dt="2024-06-11T12:20:08.006" v="2320"/>
              <pc2:cmMkLst xmlns:pc2="http://schemas.microsoft.com/office/powerpoint/2019/9/main/command">
                <pc:docMk/>
                <pc:sldMk cId="1516917713" sldId="280"/>
                <pc2:cmMk id="{74270122-73A4-47C2-9D25-02E3926DEDD3}"/>
              </pc2:cmMkLst>
            </pc226:cmChg>
            <pc226:cmChg xmlns:pc226="http://schemas.microsoft.com/office/powerpoint/2022/06/main/command" chg="add">
              <pc226:chgData name="Ploegmakers, R.H.J. (Roel) (TV_SZV)" userId="0fb9d3ad-3e94-4b1b-ab34-492cdc785176" providerId="ADAL" clId="{99BC65FC-9BC8-433F-9E35-7D24779535E9}" dt="2024-06-11T12:22:07.159" v="2325"/>
              <pc2:cmMkLst xmlns:pc2="http://schemas.microsoft.com/office/powerpoint/2019/9/main/command">
                <pc:docMk/>
                <pc:sldMk cId="1516917713" sldId="280"/>
                <pc2:cmMk id="{9F17E23D-7E10-46E6-AAAE-C771FA6F3C69}"/>
              </pc2:cmMkLst>
            </pc226:cmChg>
          </p:ext>
        </pc:extLst>
      </pc:sldChg>
      <pc:sldChg chg="delSp modSp add mod ord">
        <pc:chgData name="Ploegmakers, R.H.J. (Roel) (TV_SZV)" userId="0fb9d3ad-3e94-4b1b-ab34-492cdc785176" providerId="ADAL" clId="{99BC65FC-9BC8-433F-9E35-7D24779535E9}" dt="2024-06-14T10:30:05.954" v="4137" actId="20577"/>
        <pc:sldMkLst>
          <pc:docMk/>
          <pc:sldMk cId="1938563299" sldId="281"/>
        </pc:sldMkLst>
        <pc:spChg chg="mod">
          <ac:chgData name="Ploegmakers, R.H.J. (Roel) (TV_SZV)" userId="0fb9d3ad-3e94-4b1b-ab34-492cdc785176" providerId="ADAL" clId="{99BC65FC-9BC8-433F-9E35-7D24779535E9}" dt="2024-06-14T10:30:05.954" v="4137" actId="20577"/>
          <ac:spMkLst>
            <pc:docMk/>
            <pc:sldMk cId="1938563299" sldId="281"/>
            <ac:spMk id="4" creationId="{D9EF2819-C523-743A-395B-2284D1F37E43}"/>
          </ac:spMkLst>
        </pc:spChg>
        <pc:spChg chg="del">
          <ac:chgData name="Ploegmakers, R.H.J. (Roel) (TV_SZV)" userId="0fb9d3ad-3e94-4b1b-ab34-492cdc785176" providerId="ADAL" clId="{99BC65FC-9BC8-433F-9E35-7D24779535E9}" dt="2024-06-13T09:41:07.089" v="2495" actId="478"/>
          <ac:spMkLst>
            <pc:docMk/>
            <pc:sldMk cId="1938563299" sldId="281"/>
            <ac:spMk id="6" creationId="{8529E5DF-C0ED-F730-79F4-AEC5F3D2639C}"/>
          </ac:spMkLst>
        </pc:spChg>
      </pc:sldChg>
      <pc:sldChg chg="addSp delSp modSp add mod ord">
        <pc:chgData name="Ploegmakers, R.H.J. (Roel) (TV_SZV)" userId="0fb9d3ad-3e94-4b1b-ab34-492cdc785176" providerId="ADAL" clId="{99BC65FC-9BC8-433F-9E35-7D24779535E9}" dt="2024-06-14T10:24:51.026" v="3853" actId="1036"/>
        <pc:sldMkLst>
          <pc:docMk/>
          <pc:sldMk cId="1674451416" sldId="283"/>
        </pc:sldMkLst>
        <pc:spChg chg="mod">
          <ac:chgData name="Ploegmakers, R.H.J. (Roel) (TV_SZV)" userId="0fb9d3ad-3e94-4b1b-ab34-492cdc785176" providerId="ADAL" clId="{99BC65FC-9BC8-433F-9E35-7D24779535E9}" dt="2024-06-14T10:24:47.018" v="3848" actId="6549"/>
          <ac:spMkLst>
            <pc:docMk/>
            <pc:sldMk cId="1674451416" sldId="283"/>
            <ac:spMk id="9" creationId="{91A84B79-07D4-E4EF-CF64-D6B0E517F427}"/>
          </ac:spMkLst>
        </pc:spChg>
        <pc:picChg chg="add mod">
          <ac:chgData name="Ploegmakers, R.H.J. (Roel) (TV_SZV)" userId="0fb9d3ad-3e94-4b1b-ab34-492cdc785176" providerId="ADAL" clId="{99BC65FC-9BC8-433F-9E35-7D24779535E9}" dt="2024-06-14T10:24:51.026" v="3853" actId="1036"/>
          <ac:picMkLst>
            <pc:docMk/>
            <pc:sldMk cId="1674451416" sldId="283"/>
            <ac:picMk id="5" creationId="{F94C3912-2BFB-C201-B929-AA4125CF352D}"/>
          </ac:picMkLst>
        </pc:picChg>
        <pc:picChg chg="del">
          <ac:chgData name="Ploegmakers, R.H.J. (Roel) (TV_SZV)" userId="0fb9d3ad-3e94-4b1b-ab34-492cdc785176" providerId="ADAL" clId="{99BC65FC-9BC8-433F-9E35-7D24779535E9}" dt="2024-06-14T10:08:16.711" v="3064" actId="478"/>
          <ac:picMkLst>
            <pc:docMk/>
            <pc:sldMk cId="1674451416" sldId="283"/>
            <ac:picMk id="6" creationId="{9AC12962-B4B0-800B-E294-A4D0304C1856}"/>
          </ac:picMkLst>
        </pc:picChg>
      </pc:sldChg>
    </pc:docChg>
  </pc:docChgLst>
  <pc:docChgLst>
    <pc:chgData name="Ploegmakers, R.H.J. (Roel) (TV_SZV)" userId="0fb9d3ad-3e94-4b1b-ab34-492cdc785176" providerId="ADAL" clId="{91AF7D4F-A292-43F3-AF33-84CE195C1E24}"/>
    <pc:docChg chg="modSld">
      <pc:chgData name="Ploegmakers, R.H.J. (Roel) (TV_SZV)" userId="0fb9d3ad-3e94-4b1b-ab34-492cdc785176" providerId="ADAL" clId="{91AF7D4F-A292-43F3-AF33-84CE195C1E24}" dt="2024-06-20T12:45:27.783" v="127" actId="6549"/>
      <pc:docMkLst>
        <pc:docMk/>
      </pc:docMkLst>
      <pc:sldChg chg="modSp mod">
        <pc:chgData name="Ploegmakers, R.H.J. (Roel) (TV_SZV)" userId="0fb9d3ad-3e94-4b1b-ab34-492cdc785176" providerId="ADAL" clId="{91AF7D4F-A292-43F3-AF33-84CE195C1E24}" dt="2024-06-20T12:20:51.721" v="3" actId="20577"/>
        <pc:sldMkLst>
          <pc:docMk/>
          <pc:sldMk cId="1163821806" sldId="269"/>
        </pc:sldMkLst>
        <pc:spChg chg="mod">
          <ac:chgData name="Ploegmakers, R.H.J. (Roel) (TV_SZV)" userId="0fb9d3ad-3e94-4b1b-ab34-492cdc785176" providerId="ADAL" clId="{91AF7D4F-A292-43F3-AF33-84CE195C1E24}" dt="2024-06-20T12:20:51.721" v="3" actId="20577"/>
          <ac:spMkLst>
            <pc:docMk/>
            <pc:sldMk cId="1163821806" sldId="269"/>
            <ac:spMk id="9" creationId="{91A84B79-07D4-E4EF-CF64-D6B0E517F427}"/>
          </ac:spMkLst>
        </pc:spChg>
      </pc:sldChg>
      <pc:sldChg chg="modSp mod">
        <pc:chgData name="Ploegmakers, R.H.J. (Roel) (TV_SZV)" userId="0fb9d3ad-3e94-4b1b-ab34-492cdc785176" providerId="ADAL" clId="{91AF7D4F-A292-43F3-AF33-84CE195C1E24}" dt="2024-06-20T12:20:46.303" v="2" actId="20577"/>
        <pc:sldMkLst>
          <pc:docMk/>
          <pc:sldMk cId="1268542576" sldId="270"/>
        </pc:sldMkLst>
        <pc:spChg chg="mod">
          <ac:chgData name="Ploegmakers, R.H.J. (Roel) (TV_SZV)" userId="0fb9d3ad-3e94-4b1b-ab34-492cdc785176" providerId="ADAL" clId="{91AF7D4F-A292-43F3-AF33-84CE195C1E24}" dt="2024-06-20T12:20:46.303" v="2" actId="20577"/>
          <ac:spMkLst>
            <pc:docMk/>
            <pc:sldMk cId="1268542576" sldId="270"/>
            <ac:spMk id="11" creationId="{18818124-A9BF-FFBA-EFBF-36DB75B68053}"/>
          </ac:spMkLst>
        </pc:spChg>
      </pc:sldChg>
      <pc:sldChg chg="modSp mod">
        <pc:chgData name="Ploegmakers, R.H.J. (Roel) (TV_SZV)" userId="0fb9d3ad-3e94-4b1b-ab34-492cdc785176" providerId="ADAL" clId="{91AF7D4F-A292-43F3-AF33-84CE195C1E24}" dt="2024-06-20T12:43:26.516" v="29" actId="20577"/>
        <pc:sldMkLst>
          <pc:docMk/>
          <pc:sldMk cId="3976012057" sldId="274"/>
        </pc:sldMkLst>
        <pc:spChg chg="mod">
          <ac:chgData name="Ploegmakers, R.H.J. (Roel) (TV_SZV)" userId="0fb9d3ad-3e94-4b1b-ab34-492cdc785176" providerId="ADAL" clId="{91AF7D4F-A292-43F3-AF33-84CE195C1E24}" dt="2024-06-20T12:43:26.516" v="29" actId="20577"/>
          <ac:spMkLst>
            <pc:docMk/>
            <pc:sldMk cId="3976012057" sldId="274"/>
            <ac:spMk id="4" creationId="{7368E9A9-1B63-0387-253F-0C8E365EF812}"/>
          </ac:spMkLst>
        </pc:spChg>
      </pc:sldChg>
      <pc:sldChg chg="modSp mod">
        <pc:chgData name="Ploegmakers, R.H.J. (Roel) (TV_SZV)" userId="0fb9d3ad-3e94-4b1b-ab34-492cdc785176" providerId="ADAL" clId="{91AF7D4F-A292-43F3-AF33-84CE195C1E24}" dt="2024-06-20T12:42:41.952" v="4" actId="6549"/>
        <pc:sldMkLst>
          <pc:docMk/>
          <pc:sldMk cId="844467682" sldId="276"/>
        </pc:sldMkLst>
        <pc:spChg chg="mod">
          <ac:chgData name="Ploegmakers, R.H.J. (Roel) (TV_SZV)" userId="0fb9d3ad-3e94-4b1b-ab34-492cdc785176" providerId="ADAL" clId="{91AF7D4F-A292-43F3-AF33-84CE195C1E24}" dt="2024-06-20T12:42:41.952" v="4" actId="6549"/>
          <ac:spMkLst>
            <pc:docMk/>
            <pc:sldMk cId="844467682" sldId="276"/>
            <ac:spMk id="4" creationId="{6E87649F-C3F6-7544-8CBC-441538E05483}"/>
          </ac:spMkLst>
        </pc:spChg>
      </pc:sldChg>
      <pc:sldChg chg="modSp mod">
        <pc:chgData name="Ploegmakers, R.H.J. (Roel) (TV_SZV)" userId="0fb9d3ad-3e94-4b1b-ab34-492cdc785176" providerId="ADAL" clId="{91AF7D4F-A292-43F3-AF33-84CE195C1E24}" dt="2024-06-20T12:20:39.096" v="1" actId="20577"/>
        <pc:sldMkLst>
          <pc:docMk/>
          <pc:sldMk cId="1692255342" sldId="277"/>
        </pc:sldMkLst>
        <pc:spChg chg="mod">
          <ac:chgData name="Ploegmakers, R.H.J. (Roel) (TV_SZV)" userId="0fb9d3ad-3e94-4b1b-ab34-492cdc785176" providerId="ADAL" clId="{91AF7D4F-A292-43F3-AF33-84CE195C1E24}" dt="2024-06-20T12:20:39.096" v="1" actId="20577"/>
          <ac:spMkLst>
            <pc:docMk/>
            <pc:sldMk cId="1692255342" sldId="277"/>
            <ac:spMk id="4" creationId="{EC7E6EFB-AB1B-B1DB-60AC-B82E6969E915}"/>
          </ac:spMkLst>
        </pc:spChg>
      </pc:sldChg>
      <pc:sldChg chg="modSp mod">
        <pc:chgData name="Ploegmakers, R.H.J. (Roel) (TV_SZV)" userId="0fb9d3ad-3e94-4b1b-ab34-492cdc785176" providerId="ADAL" clId="{91AF7D4F-A292-43F3-AF33-84CE195C1E24}" dt="2024-06-20T12:44:08.757" v="63" actId="20577"/>
        <pc:sldMkLst>
          <pc:docMk/>
          <pc:sldMk cId="1938563299" sldId="281"/>
        </pc:sldMkLst>
        <pc:spChg chg="mod">
          <ac:chgData name="Ploegmakers, R.H.J. (Roel) (TV_SZV)" userId="0fb9d3ad-3e94-4b1b-ab34-492cdc785176" providerId="ADAL" clId="{91AF7D4F-A292-43F3-AF33-84CE195C1E24}" dt="2024-06-20T12:44:08.757" v="63" actId="20577"/>
          <ac:spMkLst>
            <pc:docMk/>
            <pc:sldMk cId="1938563299" sldId="281"/>
            <ac:spMk id="4" creationId="{D9EF2819-C523-743A-395B-2284D1F37E43}"/>
          </ac:spMkLst>
        </pc:spChg>
      </pc:sldChg>
      <pc:sldChg chg="addSp modSp mod">
        <pc:chgData name="Ploegmakers, R.H.J. (Roel) (TV_SZV)" userId="0fb9d3ad-3e94-4b1b-ab34-492cdc785176" providerId="ADAL" clId="{91AF7D4F-A292-43F3-AF33-84CE195C1E24}" dt="2024-06-20T12:44:45.740" v="66" actId="1076"/>
        <pc:sldMkLst>
          <pc:docMk/>
          <pc:sldMk cId="3203130721" sldId="284"/>
        </pc:sldMkLst>
        <pc:spChg chg="add mod">
          <ac:chgData name="Ploegmakers, R.H.J. (Roel) (TV_SZV)" userId="0fb9d3ad-3e94-4b1b-ab34-492cdc785176" providerId="ADAL" clId="{91AF7D4F-A292-43F3-AF33-84CE195C1E24}" dt="2024-06-20T12:44:45.740" v="66" actId="1076"/>
          <ac:spMkLst>
            <pc:docMk/>
            <pc:sldMk cId="3203130721" sldId="284"/>
            <ac:spMk id="5" creationId="{04006285-1E09-1C10-E68C-CAC0F29A9A90}"/>
          </ac:spMkLst>
        </pc:spChg>
      </pc:sldChg>
      <pc:sldChg chg="addSp modSp mod">
        <pc:chgData name="Ploegmakers, R.H.J. (Roel) (TV_SZV)" userId="0fb9d3ad-3e94-4b1b-ab34-492cdc785176" providerId="ADAL" clId="{91AF7D4F-A292-43F3-AF33-84CE195C1E24}" dt="2024-06-20T12:45:27.783" v="127" actId="6549"/>
        <pc:sldMkLst>
          <pc:docMk/>
          <pc:sldMk cId="3716724419" sldId="286"/>
        </pc:sldMkLst>
        <pc:spChg chg="add mod">
          <ac:chgData name="Ploegmakers, R.H.J. (Roel) (TV_SZV)" userId="0fb9d3ad-3e94-4b1b-ab34-492cdc785176" providerId="ADAL" clId="{91AF7D4F-A292-43F3-AF33-84CE195C1E24}" dt="2024-06-20T12:45:27.783" v="127" actId="6549"/>
          <ac:spMkLst>
            <pc:docMk/>
            <pc:sldMk cId="3716724419" sldId="286"/>
            <ac:spMk id="3" creationId="{FB26DE15-D8E4-C3C3-E32F-82258BDC8E6F}"/>
          </ac:spMkLst>
        </pc:spChg>
      </pc:sldChg>
    </pc:docChg>
  </pc:docChgLst>
  <pc:docChgLst>
    <pc:chgData name="Tim Graaf, T.C.D. van de" userId="b210a36d-96bf-4faa-a100-09ca5f208414" providerId="ADAL" clId="{E26BB67C-F476-4B28-B9B6-DF07151C5F9A}"/>
    <pc:docChg chg="modSld">
      <pc:chgData name="Tim Graaf, T.C.D. van de" userId="b210a36d-96bf-4faa-a100-09ca5f208414" providerId="ADAL" clId="{E26BB67C-F476-4B28-B9B6-DF07151C5F9A}" dt="2024-06-05T11:24:21.292" v="33" actId="207"/>
      <pc:docMkLst>
        <pc:docMk/>
      </pc:docMkLst>
      <pc:sldChg chg="modSp mod">
        <pc:chgData name="Tim Graaf, T.C.D. van de" userId="b210a36d-96bf-4faa-a100-09ca5f208414" providerId="ADAL" clId="{E26BB67C-F476-4B28-B9B6-DF07151C5F9A}" dt="2024-06-05T11:24:21.292" v="33" actId="207"/>
        <pc:sldMkLst>
          <pc:docMk/>
          <pc:sldMk cId="844467682" sldId="276"/>
        </pc:sldMkLst>
        <pc:spChg chg="mod">
          <ac:chgData name="Tim Graaf, T.C.D. van de" userId="b210a36d-96bf-4faa-a100-09ca5f208414" providerId="ADAL" clId="{E26BB67C-F476-4B28-B9B6-DF07151C5F9A}" dt="2024-06-05T11:24:21.292" v="33" actId="207"/>
          <ac:spMkLst>
            <pc:docMk/>
            <pc:sldMk cId="844467682" sldId="276"/>
            <ac:spMk id="4" creationId="{6E87649F-C3F6-7544-8CBC-441538E05483}"/>
          </ac:spMkLst>
        </pc:spChg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12B2C74B-439D-4235-BBCB-090FBC1B8D1B}" type="doc">
      <dgm:prSet loTypeId="urn:microsoft.com/office/officeart/2009/3/layout/IncreasingArrowsProcess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NL"/>
        </a:p>
      </dgm:t>
    </dgm:pt>
    <dgm:pt modelId="{C234C175-3ADC-42D7-A215-E5E1062791E0}">
      <dgm:prSet phldrT="[Tekst]"/>
      <dgm:spPr/>
      <dgm:t>
        <a:bodyPr/>
        <a:lstStyle/>
        <a:p>
          <a:r>
            <a:rPr lang="nl-NL"/>
            <a:t>Herziening Richtlijn Solvency II 2009/138/EC</a:t>
          </a:r>
          <a:endParaRPr lang="en-NL"/>
        </a:p>
      </dgm:t>
    </dgm:pt>
    <dgm:pt modelId="{A2EAD25F-C0EB-4065-88A8-4B9445E3D82B}" type="parTrans" cxnId="{EE8CE1A4-0CC8-4B44-B9B3-7F75C96E774E}">
      <dgm:prSet/>
      <dgm:spPr/>
      <dgm:t>
        <a:bodyPr/>
        <a:lstStyle/>
        <a:p>
          <a:endParaRPr lang="en-NL"/>
        </a:p>
      </dgm:t>
    </dgm:pt>
    <dgm:pt modelId="{04BE120C-7BF0-4BC4-B11D-3ADAB1C26049}" type="sibTrans" cxnId="{EE8CE1A4-0CC8-4B44-B9B3-7F75C96E774E}">
      <dgm:prSet/>
      <dgm:spPr/>
      <dgm:t>
        <a:bodyPr/>
        <a:lstStyle/>
        <a:p>
          <a:endParaRPr lang="en-NL"/>
        </a:p>
      </dgm:t>
    </dgm:pt>
    <dgm:pt modelId="{191D4935-12A9-4526-BE4D-F2C16DBDC76C}">
      <dgm:prSet phldrT="[Tekst]"/>
      <dgm:spPr/>
      <dgm:t>
        <a:bodyPr/>
        <a:lstStyle/>
        <a:p>
          <a:r>
            <a:rPr lang="nl-NL" b="1"/>
            <a:t>Uitwerkingsfase</a:t>
          </a:r>
        </a:p>
        <a:p>
          <a:r>
            <a:rPr lang="nl-NL"/>
            <a:t>EIOPA: opstellen technische standaarden (</a:t>
          </a:r>
          <a:r>
            <a:rPr lang="nl-NL" err="1"/>
            <a:t>RTS'en</a:t>
          </a:r>
          <a:r>
            <a:rPr lang="nl-NL"/>
            <a:t> en </a:t>
          </a:r>
          <a:r>
            <a:rPr lang="nl-NL" err="1"/>
            <a:t>ITS’en</a:t>
          </a:r>
          <a:r>
            <a:rPr lang="nl-NL"/>
            <a:t>)</a:t>
          </a:r>
          <a:endParaRPr lang="en-NL"/>
        </a:p>
      </dgm:t>
    </dgm:pt>
    <dgm:pt modelId="{989D88FA-6CD4-4B05-BD24-EE5ADAF03D96}" type="parTrans" cxnId="{3EE05AA6-E465-411E-B9B5-D2FE583DFCE6}">
      <dgm:prSet/>
      <dgm:spPr/>
      <dgm:t>
        <a:bodyPr/>
        <a:lstStyle/>
        <a:p>
          <a:endParaRPr lang="en-NL"/>
        </a:p>
      </dgm:t>
    </dgm:pt>
    <dgm:pt modelId="{73BDEDCE-9707-4839-9FF9-6D426496C838}" type="sibTrans" cxnId="{3EE05AA6-E465-411E-B9B5-D2FE583DFCE6}">
      <dgm:prSet/>
      <dgm:spPr/>
      <dgm:t>
        <a:bodyPr/>
        <a:lstStyle/>
        <a:p>
          <a:endParaRPr lang="en-NL"/>
        </a:p>
      </dgm:t>
    </dgm:pt>
    <dgm:pt modelId="{39B9087A-2365-43C2-B51B-328F39013B38}">
      <dgm:prSet phldrT="[Tekst]"/>
      <dgm:spPr>
        <a:solidFill>
          <a:schemeClr val="accent2"/>
        </a:solidFill>
      </dgm:spPr>
      <dgm:t>
        <a:bodyPr/>
        <a:lstStyle/>
        <a:p>
          <a:r>
            <a:rPr lang="nl-NL"/>
            <a:t>Herziening Gedelegeerde Verordening 2015/35</a:t>
          </a:r>
          <a:endParaRPr lang="en-NL"/>
        </a:p>
      </dgm:t>
    </dgm:pt>
    <dgm:pt modelId="{BDF1F912-B686-4687-A757-BAE0AF13DA9A}" type="parTrans" cxnId="{5A9C97DB-0E86-49A1-9998-7CE1320780C6}">
      <dgm:prSet/>
      <dgm:spPr/>
      <dgm:t>
        <a:bodyPr/>
        <a:lstStyle/>
        <a:p>
          <a:endParaRPr lang="en-NL"/>
        </a:p>
      </dgm:t>
    </dgm:pt>
    <dgm:pt modelId="{9617781F-2AA4-49AB-B42A-B98F537512FF}" type="sibTrans" cxnId="{5A9C97DB-0E86-49A1-9998-7CE1320780C6}">
      <dgm:prSet/>
      <dgm:spPr/>
      <dgm:t>
        <a:bodyPr/>
        <a:lstStyle/>
        <a:p>
          <a:endParaRPr lang="en-NL"/>
        </a:p>
      </dgm:t>
    </dgm:pt>
    <dgm:pt modelId="{C31CC7DF-6311-4B68-833E-1727FDEFDCCA}">
      <dgm:prSet phldrT="[Tekst]"/>
      <dgm:spPr/>
      <dgm:t>
        <a:bodyPr/>
        <a:lstStyle/>
        <a:p>
          <a:r>
            <a:rPr lang="nl-NL" b="1"/>
            <a:t>Ontwerpfase</a:t>
          </a:r>
        </a:p>
        <a:p>
          <a:r>
            <a:rPr lang="nl-NL"/>
            <a:t>Rechtstreekse werking, geen aanpassing </a:t>
          </a:r>
          <a:r>
            <a:rPr lang="nl-NL" err="1"/>
            <a:t>Wft</a:t>
          </a:r>
          <a:endParaRPr lang="en-NL"/>
        </a:p>
      </dgm:t>
    </dgm:pt>
    <dgm:pt modelId="{D2B3C99A-35AB-46FB-AADC-191B8C85D0F7}" type="parTrans" cxnId="{3D2311FC-0C16-4F54-B22F-FAD1B7E0A7DA}">
      <dgm:prSet/>
      <dgm:spPr/>
      <dgm:t>
        <a:bodyPr/>
        <a:lstStyle/>
        <a:p>
          <a:endParaRPr lang="en-NL"/>
        </a:p>
      </dgm:t>
    </dgm:pt>
    <dgm:pt modelId="{26CF57B0-7272-4F55-9B89-AAC7B830E91F}" type="sibTrans" cxnId="{3D2311FC-0C16-4F54-B22F-FAD1B7E0A7DA}">
      <dgm:prSet/>
      <dgm:spPr/>
      <dgm:t>
        <a:bodyPr/>
        <a:lstStyle/>
        <a:p>
          <a:endParaRPr lang="en-NL"/>
        </a:p>
      </dgm:t>
    </dgm:pt>
    <dgm:pt modelId="{2A5835B5-5BC4-4B80-B35B-B7316F75EFB5}">
      <dgm:prSet phldrT="[Tekst]"/>
      <dgm:spPr/>
      <dgm:t>
        <a:bodyPr/>
        <a:lstStyle/>
        <a:p>
          <a:endParaRPr lang="nl-NL" i="0"/>
        </a:p>
        <a:p>
          <a:r>
            <a:rPr lang="nl-NL" i="0"/>
            <a:t>Implementatie in </a:t>
          </a:r>
          <a:r>
            <a:rPr lang="nl-NL" i="0" err="1"/>
            <a:t>Wft</a:t>
          </a:r>
          <a:r>
            <a:rPr lang="nl-NL" i="0"/>
            <a:t> (DNB ondersteunt </a:t>
          </a:r>
          <a:r>
            <a:rPr lang="nl-NL" i="0" err="1"/>
            <a:t>minfin</a:t>
          </a:r>
          <a:r>
            <a:rPr lang="nl-NL" i="0"/>
            <a:t>)</a:t>
          </a:r>
          <a:endParaRPr lang="en-NL" i="0"/>
        </a:p>
      </dgm:t>
    </dgm:pt>
    <dgm:pt modelId="{94A60D89-0423-4338-B23B-F2A4AC604531}" type="parTrans" cxnId="{4BDC64F8-1549-46A8-A83F-BB891D86A393}">
      <dgm:prSet/>
      <dgm:spPr/>
      <dgm:t>
        <a:bodyPr/>
        <a:lstStyle/>
        <a:p>
          <a:endParaRPr lang="en-NL"/>
        </a:p>
      </dgm:t>
    </dgm:pt>
    <dgm:pt modelId="{C90D8B84-F008-4CA9-8577-A23856F248A4}" type="sibTrans" cxnId="{4BDC64F8-1549-46A8-A83F-BB891D86A393}">
      <dgm:prSet/>
      <dgm:spPr/>
      <dgm:t>
        <a:bodyPr/>
        <a:lstStyle/>
        <a:p>
          <a:endParaRPr lang="en-NL"/>
        </a:p>
      </dgm:t>
    </dgm:pt>
    <dgm:pt modelId="{004B2A74-4A59-475A-A59D-994BC0828488}">
      <dgm:prSet phldrT="[Tekst]"/>
      <dgm:spPr>
        <a:solidFill>
          <a:schemeClr val="accent6"/>
        </a:solidFill>
      </dgm:spPr>
      <dgm:t>
        <a:bodyPr/>
        <a:lstStyle/>
        <a:p>
          <a:r>
            <a:rPr lang="nl-NL"/>
            <a:t>DNB beleid en toezicht</a:t>
          </a:r>
          <a:endParaRPr lang="en-NL"/>
        </a:p>
      </dgm:t>
    </dgm:pt>
    <dgm:pt modelId="{9DC5273D-C440-4A82-AB65-ECE9D189EE08}" type="parTrans" cxnId="{0AF7B999-F56B-4A36-9C23-5EEE49C5A4AD}">
      <dgm:prSet/>
      <dgm:spPr/>
      <dgm:t>
        <a:bodyPr/>
        <a:lstStyle/>
        <a:p>
          <a:endParaRPr lang="en-NL"/>
        </a:p>
      </dgm:t>
    </dgm:pt>
    <dgm:pt modelId="{B43ED1A9-DB4E-4426-A635-E3DF30B380BD}" type="sibTrans" cxnId="{0AF7B999-F56B-4A36-9C23-5EEE49C5A4AD}">
      <dgm:prSet/>
      <dgm:spPr/>
      <dgm:t>
        <a:bodyPr/>
        <a:lstStyle/>
        <a:p>
          <a:endParaRPr lang="en-NL"/>
        </a:p>
      </dgm:t>
    </dgm:pt>
    <dgm:pt modelId="{0006CF1A-950C-430D-A765-2A990026D712}">
      <dgm:prSet phldrT="[Tekst]"/>
      <dgm:spPr/>
      <dgm:t>
        <a:bodyPr/>
        <a:lstStyle/>
        <a:p>
          <a:r>
            <a:rPr lang="nl-NL" b="1" i="0"/>
            <a:t>planfase</a:t>
          </a:r>
        </a:p>
        <a:p>
          <a:r>
            <a:rPr lang="nl-NL" i="0"/>
            <a:t>DNB beleid aanpassen: beleidsregels, </a:t>
          </a:r>
          <a:r>
            <a:rPr lang="nl-NL" i="0" err="1"/>
            <a:t>Q&amp;A's</a:t>
          </a:r>
          <a:r>
            <a:rPr lang="nl-NL" i="0"/>
            <a:t>, </a:t>
          </a:r>
          <a:r>
            <a:rPr lang="nl-NL" i="0" err="1"/>
            <a:t>good</a:t>
          </a:r>
          <a:r>
            <a:rPr lang="nl-NL" i="0"/>
            <a:t> </a:t>
          </a:r>
          <a:r>
            <a:rPr lang="nl-NL" i="0" err="1"/>
            <a:t>practices</a:t>
          </a:r>
          <a:r>
            <a:rPr lang="nl-NL" i="0"/>
            <a:t>, </a:t>
          </a:r>
          <a:r>
            <a:rPr lang="nl-NL" i="0" err="1"/>
            <a:t>factsheets</a:t>
          </a:r>
          <a:endParaRPr lang="en-NL" i="0"/>
        </a:p>
      </dgm:t>
    </dgm:pt>
    <dgm:pt modelId="{BE81B1FA-2C05-4297-B65C-B8A0DBFFF9DB}" type="parTrans" cxnId="{965B38DF-3A50-4C12-A4F3-31275601A992}">
      <dgm:prSet/>
      <dgm:spPr/>
      <dgm:t>
        <a:bodyPr/>
        <a:lstStyle/>
        <a:p>
          <a:endParaRPr lang="en-NL"/>
        </a:p>
      </dgm:t>
    </dgm:pt>
    <dgm:pt modelId="{DF1952A9-62A7-4594-BF24-D211DD0E50F4}" type="sibTrans" cxnId="{965B38DF-3A50-4C12-A4F3-31275601A992}">
      <dgm:prSet/>
      <dgm:spPr/>
      <dgm:t>
        <a:bodyPr/>
        <a:lstStyle/>
        <a:p>
          <a:endParaRPr lang="en-NL"/>
        </a:p>
      </dgm:t>
    </dgm:pt>
    <dgm:pt modelId="{D8CC9B27-3F19-4388-919C-4AEB5AFEA215}">
      <dgm:prSet phldrT="[Tekst]"/>
      <dgm:spPr/>
      <dgm:t>
        <a:bodyPr/>
        <a:lstStyle/>
        <a:p>
          <a:endParaRPr lang="nl-NL" i="0"/>
        </a:p>
        <a:p>
          <a:r>
            <a:rPr lang="nl-NL" i="0"/>
            <a:t>DNB toezicht aanpassen: ATM, rekenmodellen, beoordelingskaders</a:t>
          </a:r>
        </a:p>
      </dgm:t>
    </dgm:pt>
    <dgm:pt modelId="{D0FF79E1-5C78-432A-A37B-3B563D0BD46A}" type="parTrans" cxnId="{B1F9EB4D-9A63-43D9-B6F7-17D1B39A6407}">
      <dgm:prSet/>
      <dgm:spPr/>
      <dgm:t>
        <a:bodyPr/>
        <a:lstStyle/>
        <a:p>
          <a:endParaRPr lang="en-NL"/>
        </a:p>
      </dgm:t>
    </dgm:pt>
    <dgm:pt modelId="{97B97CAC-8735-4CBA-9156-783C18492E60}" type="sibTrans" cxnId="{B1F9EB4D-9A63-43D9-B6F7-17D1B39A6407}">
      <dgm:prSet/>
      <dgm:spPr/>
      <dgm:t>
        <a:bodyPr/>
        <a:lstStyle/>
        <a:p>
          <a:endParaRPr lang="en-NL"/>
        </a:p>
      </dgm:t>
    </dgm:pt>
    <dgm:pt modelId="{079A6C79-C7C5-4F35-AA3F-F0C679453CFE}" type="pres">
      <dgm:prSet presAssocID="{12B2C74B-439D-4235-BBCB-090FBC1B8D1B}" presName="Name0" presStyleCnt="0">
        <dgm:presLayoutVars>
          <dgm:chMax val="5"/>
          <dgm:chPref val="5"/>
          <dgm:dir/>
          <dgm:animLvl val="lvl"/>
        </dgm:presLayoutVars>
      </dgm:prSet>
      <dgm:spPr/>
    </dgm:pt>
    <dgm:pt modelId="{35804AB5-F21B-47D3-8A9A-5E1B1E3F1F9C}" type="pres">
      <dgm:prSet presAssocID="{C234C175-3ADC-42D7-A215-E5E1062791E0}" presName="parentText1" presStyleLbl="node1" presStyleIdx="0" presStyleCnt="3">
        <dgm:presLayoutVars>
          <dgm:chMax/>
          <dgm:chPref val="3"/>
          <dgm:bulletEnabled val="1"/>
        </dgm:presLayoutVars>
      </dgm:prSet>
      <dgm:spPr/>
    </dgm:pt>
    <dgm:pt modelId="{398357B1-341C-47C8-B77B-85F84E9F2B21}" type="pres">
      <dgm:prSet presAssocID="{C234C175-3ADC-42D7-A215-E5E1062791E0}" presName="childText1" presStyleLbl="solidAlignAcc1" presStyleIdx="0" presStyleCnt="3">
        <dgm:presLayoutVars>
          <dgm:chMax val="0"/>
          <dgm:chPref val="0"/>
          <dgm:bulletEnabled val="1"/>
        </dgm:presLayoutVars>
      </dgm:prSet>
      <dgm:spPr/>
    </dgm:pt>
    <dgm:pt modelId="{333F377C-CD98-4E67-A7C9-7738A995B21F}" type="pres">
      <dgm:prSet presAssocID="{39B9087A-2365-43C2-B51B-328F39013B38}" presName="parentText2" presStyleLbl="node1" presStyleIdx="1" presStyleCnt="3">
        <dgm:presLayoutVars>
          <dgm:chMax/>
          <dgm:chPref val="3"/>
          <dgm:bulletEnabled val="1"/>
        </dgm:presLayoutVars>
      </dgm:prSet>
      <dgm:spPr/>
    </dgm:pt>
    <dgm:pt modelId="{7FCFF376-58A2-42BC-B0E8-65CE7D12ACE8}" type="pres">
      <dgm:prSet presAssocID="{39B9087A-2365-43C2-B51B-328F39013B38}" presName="childText2" presStyleLbl="solidAlignAcc1" presStyleIdx="1" presStyleCnt="3">
        <dgm:presLayoutVars>
          <dgm:chMax val="0"/>
          <dgm:chPref val="0"/>
          <dgm:bulletEnabled val="1"/>
        </dgm:presLayoutVars>
      </dgm:prSet>
      <dgm:spPr/>
    </dgm:pt>
    <dgm:pt modelId="{68157ABD-A046-4D3E-9946-37CD5A605EFD}" type="pres">
      <dgm:prSet presAssocID="{004B2A74-4A59-475A-A59D-994BC0828488}" presName="parentText3" presStyleLbl="node1" presStyleIdx="2" presStyleCnt="3">
        <dgm:presLayoutVars>
          <dgm:chMax/>
          <dgm:chPref val="3"/>
          <dgm:bulletEnabled val="1"/>
        </dgm:presLayoutVars>
      </dgm:prSet>
      <dgm:spPr/>
    </dgm:pt>
    <dgm:pt modelId="{538FA183-374E-4A98-A17F-F2D854E98CAF}" type="pres">
      <dgm:prSet presAssocID="{004B2A74-4A59-475A-A59D-994BC0828488}" presName="childText3" presStyleLbl="solidAlignAcc1" presStyleIdx="2" presStyleCnt="3">
        <dgm:presLayoutVars>
          <dgm:chMax val="0"/>
          <dgm:chPref val="0"/>
          <dgm:bulletEnabled val="1"/>
        </dgm:presLayoutVars>
      </dgm:prSet>
      <dgm:spPr/>
    </dgm:pt>
  </dgm:ptLst>
  <dgm:cxnLst>
    <dgm:cxn modelId="{CC5E710A-AF2B-4795-B3F2-3E0CD3F4082D}" type="presOf" srcId="{191D4935-12A9-4526-BE4D-F2C16DBDC76C}" destId="{398357B1-341C-47C8-B77B-85F84E9F2B21}" srcOrd="0" destOrd="0" presId="urn:microsoft.com/office/officeart/2009/3/layout/IncreasingArrowsProcess"/>
    <dgm:cxn modelId="{EB819513-F30C-494D-B785-D18289408DD0}" type="presOf" srcId="{C31CC7DF-6311-4B68-833E-1727FDEFDCCA}" destId="{7FCFF376-58A2-42BC-B0E8-65CE7D12ACE8}" srcOrd="0" destOrd="0" presId="urn:microsoft.com/office/officeart/2009/3/layout/IncreasingArrowsProcess"/>
    <dgm:cxn modelId="{270BC73F-8E9F-4459-AC75-BAE1F1FE3E86}" type="presOf" srcId="{0006CF1A-950C-430D-A765-2A990026D712}" destId="{538FA183-374E-4A98-A17F-F2D854E98CAF}" srcOrd="0" destOrd="0" presId="urn:microsoft.com/office/officeart/2009/3/layout/IncreasingArrowsProcess"/>
    <dgm:cxn modelId="{6058DC6A-6DF9-46EB-A17A-27599C291D9F}" type="presOf" srcId="{D8CC9B27-3F19-4388-919C-4AEB5AFEA215}" destId="{538FA183-374E-4A98-A17F-F2D854E98CAF}" srcOrd="0" destOrd="1" presId="urn:microsoft.com/office/officeart/2009/3/layout/IncreasingArrowsProcess"/>
    <dgm:cxn modelId="{CE9AE86A-1C09-4B1E-854D-F986060761A9}" type="presOf" srcId="{39B9087A-2365-43C2-B51B-328F39013B38}" destId="{333F377C-CD98-4E67-A7C9-7738A995B21F}" srcOrd="0" destOrd="0" presId="urn:microsoft.com/office/officeart/2009/3/layout/IncreasingArrowsProcess"/>
    <dgm:cxn modelId="{B1F9EB4D-9A63-43D9-B6F7-17D1B39A6407}" srcId="{004B2A74-4A59-475A-A59D-994BC0828488}" destId="{D8CC9B27-3F19-4388-919C-4AEB5AFEA215}" srcOrd="1" destOrd="0" parTransId="{D0FF79E1-5C78-432A-A37B-3B563D0BD46A}" sibTransId="{97B97CAC-8735-4CBA-9156-783C18492E60}"/>
    <dgm:cxn modelId="{42BBB88E-4EEA-4A22-83A4-C667CC354617}" type="presOf" srcId="{2A5835B5-5BC4-4B80-B35B-B7316F75EFB5}" destId="{398357B1-341C-47C8-B77B-85F84E9F2B21}" srcOrd="0" destOrd="1" presId="urn:microsoft.com/office/officeart/2009/3/layout/IncreasingArrowsProcess"/>
    <dgm:cxn modelId="{51E8CC94-54F4-46D4-92DA-4F9569DF209B}" type="presOf" srcId="{12B2C74B-439D-4235-BBCB-090FBC1B8D1B}" destId="{079A6C79-C7C5-4F35-AA3F-F0C679453CFE}" srcOrd="0" destOrd="0" presId="urn:microsoft.com/office/officeart/2009/3/layout/IncreasingArrowsProcess"/>
    <dgm:cxn modelId="{0AF7B999-F56B-4A36-9C23-5EEE49C5A4AD}" srcId="{12B2C74B-439D-4235-BBCB-090FBC1B8D1B}" destId="{004B2A74-4A59-475A-A59D-994BC0828488}" srcOrd="2" destOrd="0" parTransId="{9DC5273D-C440-4A82-AB65-ECE9D189EE08}" sibTransId="{B43ED1A9-DB4E-4426-A635-E3DF30B380BD}"/>
    <dgm:cxn modelId="{EE8CE1A4-0CC8-4B44-B9B3-7F75C96E774E}" srcId="{12B2C74B-439D-4235-BBCB-090FBC1B8D1B}" destId="{C234C175-3ADC-42D7-A215-E5E1062791E0}" srcOrd="0" destOrd="0" parTransId="{A2EAD25F-C0EB-4065-88A8-4B9445E3D82B}" sibTransId="{04BE120C-7BF0-4BC4-B11D-3ADAB1C26049}"/>
    <dgm:cxn modelId="{3EE05AA6-E465-411E-B9B5-D2FE583DFCE6}" srcId="{C234C175-3ADC-42D7-A215-E5E1062791E0}" destId="{191D4935-12A9-4526-BE4D-F2C16DBDC76C}" srcOrd="0" destOrd="0" parTransId="{989D88FA-6CD4-4B05-BD24-EE5ADAF03D96}" sibTransId="{73BDEDCE-9707-4839-9FF9-6D426496C838}"/>
    <dgm:cxn modelId="{B1100EC0-D7CC-4F1E-B8C5-85FD31AF4837}" type="presOf" srcId="{004B2A74-4A59-475A-A59D-994BC0828488}" destId="{68157ABD-A046-4D3E-9946-37CD5A605EFD}" srcOrd="0" destOrd="0" presId="urn:microsoft.com/office/officeart/2009/3/layout/IncreasingArrowsProcess"/>
    <dgm:cxn modelId="{5A9C97DB-0E86-49A1-9998-7CE1320780C6}" srcId="{12B2C74B-439D-4235-BBCB-090FBC1B8D1B}" destId="{39B9087A-2365-43C2-B51B-328F39013B38}" srcOrd="1" destOrd="0" parTransId="{BDF1F912-B686-4687-A757-BAE0AF13DA9A}" sibTransId="{9617781F-2AA4-49AB-B42A-B98F537512FF}"/>
    <dgm:cxn modelId="{A18C79DD-3236-49FA-A135-ECA96EDF5424}" type="presOf" srcId="{C234C175-3ADC-42D7-A215-E5E1062791E0}" destId="{35804AB5-F21B-47D3-8A9A-5E1B1E3F1F9C}" srcOrd="0" destOrd="0" presId="urn:microsoft.com/office/officeart/2009/3/layout/IncreasingArrowsProcess"/>
    <dgm:cxn modelId="{965B38DF-3A50-4C12-A4F3-31275601A992}" srcId="{004B2A74-4A59-475A-A59D-994BC0828488}" destId="{0006CF1A-950C-430D-A765-2A990026D712}" srcOrd="0" destOrd="0" parTransId="{BE81B1FA-2C05-4297-B65C-B8A0DBFFF9DB}" sibTransId="{DF1952A9-62A7-4594-BF24-D211DD0E50F4}"/>
    <dgm:cxn modelId="{4BDC64F8-1549-46A8-A83F-BB891D86A393}" srcId="{C234C175-3ADC-42D7-A215-E5E1062791E0}" destId="{2A5835B5-5BC4-4B80-B35B-B7316F75EFB5}" srcOrd="1" destOrd="0" parTransId="{94A60D89-0423-4338-B23B-F2A4AC604531}" sibTransId="{C90D8B84-F008-4CA9-8577-A23856F248A4}"/>
    <dgm:cxn modelId="{3D2311FC-0C16-4F54-B22F-FAD1B7E0A7DA}" srcId="{39B9087A-2365-43C2-B51B-328F39013B38}" destId="{C31CC7DF-6311-4B68-833E-1727FDEFDCCA}" srcOrd="0" destOrd="0" parTransId="{D2B3C99A-35AB-46FB-AADC-191B8C85D0F7}" sibTransId="{26CF57B0-7272-4F55-9B89-AAC7B830E91F}"/>
    <dgm:cxn modelId="{271A8990-A724-4A22-A8FC-71CED024AD7F}" type="presParOf" srcId="{079A6C79-C7C5-4F35-AA3F-F0C679453CFE}" destId="{35804AB5-F21B-47D3-8A9A-5E1B1E3F1F9C}" srcOrd="0" destOrd="0" presId="urn:microsoft.com/office/officeart/2009/3/layout/IncreasingArrowsProcess"/>
    <dgm:cxn modelId="{C2448244-DEB3-405B-8CC6-77F0A62B9A40}" type="presParOf" srcId="{079A6C79-C7C5-4F35-AA3F-F0C679453CFE}" destId="{398357B1-341C-47C8-B77B-85F84E9F2B21}" srcOrd="1" destOrd="0" presId="urn:microsoft.com/office/officeart/2009/3/layout/IncreasingArrowsProcess"/>
    <dgm:cxn modelId="{A174BBA5-EBE8-4F84-A257-2E2A6DB2F43A}" type="presParOf" srcId="{079A6C79-C7C5-4F35-AA3F-F0C679453CFE}" destId="{333F377C-CD98-4E67-A7C9-7738A995B21F}" srcOrd="2" destOrd="0" presId="urn:microsoft.com/office/officeart/2009/3/layout/IncreasingArrowsProcess"/>
    <dgm:cxn modelId="{1E2E7644-BCBC-4023-96E0-5A609312FE7F}" type="presParOf" srcId="{079A6C79-C7C5-4F35-AA3F-F0C679453CFE}" destId="{7FCFF376-58A2-42BC-B0E8-65CE7D12ACE8}" srcOrd="3" destOrd="0" presId="urn:microsoft.com/office/officeart/2009/3/layout/IncreasingArrowsProcess"/>
    <dgm:cxn modelId="{888816DD-9574-4A99-9FD2-838ED5C89FD8}" type="presParOf" srcId="{079A6C79-C7C5-4F35-AA3F-F0C679453CFE}" destId="{68157ABD-A046-4D3E-9946-37CD5A605EFD}" srcOrd="4" destOrd="0" presId="urn:microsoft.com/office/officeart/2009/3/layout/IncreasingArrowsProcess"/>
    <dgm:cxn modelId="{C5FF8D3D-F96B-4654-A031-75BE4E0A5150}" type="presParOf" srcId="{079A6C79-C7C5-4F35-AA3F-F0C679453CFE}" destId="{538FA183-374E-4A98-A17F-F2D854E98CAF}" srcOrd="5" destOrd="0" presId="urn:microsoft.com/office/officeart/2009/3/layout/IncreasingArrowsProcess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3F5A2974-D3D9-4098-BCEA-90EC0B6D71AC}" type="doc">
      <dgm:prSet loTypeId="urn:microsoft.com/office/officeart/2005/8/layout/vList2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NL"/>
        </a:p>
      </dgm:t>
    </dgm:pt>
    <dgm:pt modelId="{84FB7BAE-471A-46EA-9360-F31747DD50D6}">
      <dgm:prSet phldrT="[Tekst]"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en-US"/>
            <a:t>1. 3-jaars </a:t>
          </a:r>
          <a:r>
            <a:rPr lang="en-US" err="1"/>
            <a:t>gemiddelde</a:t>
          </a:r>
          <a:r>
            <a:rPr lang="en-US"/>
            <a:t> </a:t>
          </a:r>
          <a:r>
            <a:rPr lang="en-US" i="1"/>
            <a:t>combined ratio </a:t>
          </a:r>
          <a:r>
            <a:rPr lang="en-US"/>
            <a:t>&lt; 100% </a:t>
          </a:r>
          <a:endParaRPr lang="en-NL"/>
        </a:p>
      </dgm:t>
    </dgm:pt>
    <dgm:pt modelId="{672498A7-3253-48A2-B363-A03015845F50}" type="parTrans" cxnId="{AC15AAB7-53FB-4054-A3CE-7F306CB4D3A1}">
      <dgm:prSet/>
      <dgm:spPr/>
      <dgm:t>
        <a:bodyPr/>
        <a:lstStyle/>
        <a:p>
          <a:endParaRPr lang="en-NL"/>
        </a:p>
      </dgm:t>
    </dgm:pt>
    <dgm:pt modelId="{556936CE-9D33-43B6-9557-75629AA978D3}" type="sibTrans" cxnId="{AC15AAB7-53FB-4054-A3CE-7F306CB4D3A1}">
      <dgm:prSet/>
      <dgm:spPr/>
      <dgm:t>
        <a:bodyPr/>
        <a:lstStyle/>
        <a:p>
          <a:endParaRPr lang="en-NL"/>
        </a:p>
      </dgm:t>
    </dgm:pt>
    <dgm:pt modelId="{6AB67A13-1493-415E-9CE5-9D3186A10384}">
      <dgm:prSet phldrT="[Tekst]"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en-US"/>
            <a:t>2. Ontvangen bruto premie uit andere lidstaten kleiner dan </a:t>
          </a:r>
          <a:r>
            <a:rPr lang="en-US" b="1"/>
            <a:t>één</a:t>
          </a:r>
          <a:r>
            <a:rPr lang="en-US"/>
            <a:t> van de volgende twee grenswaarden:</a:t>
          </a:r>
          <a:endParaRPr lang="en-NL"/>
        </a:p>
      </dgm:t>
    </dgm:pt>
    <dgm:pt modelId="{367E6572-DE17-496C-8D97-C79E33F6D240}" type="parTrans" cxnId="{F9EC151A-A348-4275-8762-AED697295A07}">
      <dgm:prSet/>
      <dgm:spPr/>
      <dgm:t>
        <a:bodyPr/>
        <a:lstStyle/>
        <a:p>
          <a:endParaRPr lang="en-NL"/>
        </a:p>
      </dgm:t>
    </dgm:pt>
    <dgm:pt modelId="{A63AB745-8E4D-45E2-AD32-9B8BBCD3C9EC}" type="sibTrans" cxnId="{F9EC151A-A348-4275-8762-AED697295A07}">
      <dgm:prSet/>
      <dgm:spPr/>
      <dgm:t>
        <a:bodyPr/>
        <a:lstStyle/>
        <a:p>
          <a:endParaRPr lang="en-NL"/>
        </a:p>
      </dgm:t>
    </dgm:pt>
    <dgm:pt modelId="{11F34D12-70CC-45C8-A336-B5D4B54C6C27}">
      <dgm:prSet phldrT="[Tekst]"/>
      <dgm:spPr/>
      <dgm:t>
        <a:bodyPr/>
        <a:lstStyle/>
        <a:p>
          <a:r>
            <a:rPr lang="nl-NL"/>
            <a:t> &lt; 10% van de totale bruto premie inkomsten </a:t>
          </a:r>
          <a:endParaRPr lang="en-NL"/>
        </a:p>
      </dgm:t>
    </dgm:pt>
    <dgm:pt modelId="{EAE070DB-2F70-4585-900D-979CC048B146}" type="parTrans" cxnId="{68B4A0C9-858B-4E21-BF95-AA26622638B0}">
      <dgm:prSet/>
      <dgm:spPr/>
      <dgm:t>
        <a:bodyPr/>
        <a:lstStyle/>
        <a:p>
          <a:endParaRPr lang="en-NL"/>
        </a:p>
      </dgm:t>
    </dgm:pt>
    <dgm:pt modelId="{DF615D85-DFB1-4546-8C74-537559F0F06C}" type="sibTrans" cxnId="{68B4A0C9-858B-4E21-BF95-AA26622638B0}">
      <dgm:prSet/>
      <dgm:spPr/>
      <dgm:t>
        <a:bodyPr/>
        <a:lstStyle/>
        <a:p>
          <a:endParaRPr lang="en-NL"/>
        </a:p>
      </dgm:t>
    </dgm:pt>
    <dgm:pt modelId="{CC44B118-365F-4B62-A076-A38029339E7D}">
      <dgm:prSet phldrT="[Tekst]"/>
      <dgm:spPr/>
      <dgm:t>
        <a:bodyPr/>
        <a:lstStyle/>
        <a:p>
          <a:r>
            <a:rPr lang="nl-NL"/>
            <a:t>6. Inkomsten uit herverzekeringsactiviteiten &lt; 50% ontvangen bruto premie</a:t>
          </a:r>
        </a:p>
      </dgm:t>
    </dgm:pt>
    <dgm:pt modelId="{E473570D-F363-46DE-B938-4746CF87E581}" type="parTrans" cxnId="{404E2F28-166A-4EF3-8CF8-CF66C899AEDD}">
      <dgm:prSet/>
      <dgm:spPr/>
      <dgm:t>
        <a:bodyPr/>
        <a:lstStyle/>
        <a:p>
          <a:endParaRPr lang="en-NL"/>
        </a:p>
      </dgm:t>
    </dgm:pt>
    <dgm:pt modelId="{D5DFA7B0-9D79-468D-8E5C-661352D8CE36}" type="sibTrans" cxnId="{404E2F28-166A-4EF3-8CF8-CF66C899AEDD}">
      <dgm:prSet/>
      <dgm:spPr/>
      <dgm:t>
        <a:bodyPr/>
        <a:lstStyle/>
        <a:p>
          <a:endParaRPr lang="en-NL"/>
        </a:p>
      </dgm:t>
    </dgm:pt>
    <dgm:pt modelId="{AE33B62D-C350-445E-8A3B-90530678A4B9}">
      <dgm:prSet phldrT="[Tekst]"/>
      <dgm:spPr/>
      <dgm:t>
        <a:bodyPr/>
        <a:lstStyle/>
        <a:p>
          <a:r>
            <a:rPr lang="nl-NL"/>
            <a:t> &lt; EUR 20.000.000,00</a:t>
          </a:r>
          <a:endParaRPr lang="en-NL"/>
        </a:p>
      </dgm:t>
    </dgm:pt>
    <dgm:pt modelId="{2ADB90D9-AF06-4F32-A6CF-52E255007C16}" type="parTrans" cxnId="{3B51D413-C705-4D96-B7C8-73253E7BBEEF}">
      <dgm:prSet/>
      <dgm:spPr/>
      <dgm:t>
        <a:bodyPr/>
        <a:lstStyle/>
        <a:p>
          <a:endParaRPr lang="en-NL"/>
        </a:p>
      </dgm:t>
    </dgm:pt>
    <dgm:pt modelId="{645EBC37-1340-4E64-AAF8-890D32FB6461}" type="sibTrans" cxnId="{3B51D413-C705-4D96-B7C8-73253E7BBEEF}">
      <dgm:prSet/>
      <dgm:spPr/>
      <dgm:t>
        <a:bodyPr/>
        <a:lstStyle/>
        <a:p>
          <a:endParaRPr lang="en-NL"/>
        </a:p>
      </dgm:t>
    </dgm:pt>
    <dgm:pt modelId="{D19E43F7-F910-4007-8ADF-283C54F7E19A}">
      <dgm:prSet phldrT="[Tekst]"/>
      <dgm:spPr/>
      <dgm:t>
        <a:bodyPr/>
        <a:lstStyle/>
        <a:p>
          <a:pPr>
            <a:buFont typeface="Arial" panose="020B0604020202020204" pitchFamily="34" charset="0"/>
            <a:buChar char="•"/>
          </a:pPr>
          <a:r>
            <a:rPr lang="nl-NL"/>
            <a:t>4. Ontvangen bruto premie</a:t>
          </a:r>
          <a:r>
            <a:rPr lang="en-US"/>
            <a:t> </a:t>
          </a:r>
          <a:r>
            <a:rPr lang="en-US" err="1"/>
            <a:t>uit</a:t>
          </a:r>
          <a:r>
            <a:rPr lang="en-US"/>
            <a:t> branches 5-7, 11, 12, 14, 15* &lt; 30% van </a:t>
          </a:r>
          <a:r>
            <a:rPr lang="en-US" err="1"/>
            <a:t>totale</a:t>
          </a:r>
          <a:r>
            <a:rPr lang="en-US"/>
            <a:t> </a:t>
          </a:r>
          <a:r>
            <a:rPr lang="en-US" err="1"/>
            <a:t>bruto</a:t>
          </a:r>
          <a:r>
            <a:rPr lang="en-US"/>
            <a:t> </a:t>
          </a:r>
          <a:r>
            <a:rPr lang="en-US" err="1"/>
            <a:t>premie</a:t>
          </a:r>
          <a:endParaRPr lang="en-NL"/>
        </a:p>
      </dgm:t>
    </dgm:pt>
    <dgm:pt modelId="{904BA096-21DB-4BE8-BB42-88D3668EB833}" type="parTrans" cxnId="{58FDFCF8-BBF1-4B76-A078-AB76B7A515B8}">
      <dgm:prSet/>
      <dgm:spPr/>
      <dgm:t>
        <a:bodyPr/>
        <a:lstStyle/>
        <a:p>
          <a:endParaRPr lang="en-NL"/>
        </a:p>
      </dgm:t>
    </dgm:pt>
    <dgm:pt modelId="{7323786D-45C8-46B5-82C1-F736A237A3F3}" type="sibTrans" cxnId="{58FDFCF8-BBF1-4B76-A078-AB76B7A515B8}">
      <dgm:prSet/>
      <dgm:spPr/>
      <dgm:t>
        <a:bodyPr/>
        <a:lstStyle/>
        <a:p>
          <a:endParaRPr lang="en-NL"/>
        </a:p>
      </dgm:t>
    </dgm:pt>
    <dgm:pt modelId="{7ABF204C-13D8-4A73-906B-13E44483F2B7}">
      <dgm:prSet phldrT="[Tekst]"/>
      <dgm:spPr/>
      <dgm:t>
        <a:bodyPr/>
        <a:lstStyle/>
        <a:p>
          <a:r>
            <a:rPr lang="nl-NL"/>
            <a:t>5. De som van de volgende onderdelen is &lt; 20% van totale beleggingen: </a:t>
          </a:r>
          <a:endParaRPr lang="en-NL"/>
        </a:p>
      </dgm:t>
    </dgm:pt>
    <dgm:pt modelId="{0AB9233C-E1BF-4CA4-B67F-6677ECBD3AC7}" type="parTrans" cxnId="{0CF8F51A-4C20-49E2-AA64-EB02DAA001B9}">
      <dgm:prSet/>
      <dgm:spPr/>
      <dgm:t>
        <a:bodyPr/>
        <a:lstStyle/>
        <a:p>
          <a:endParaRPr lang="en-NL"/>
        </a:p>
      </dgm:t>
    </dgm:pt>
    <dgm:pt modelId="{61D64319-4D93-4093-B8B8-F4C7C156336D}" type="sibTrans" cxnId="{0CF8F51A-4C20-49E2-AA64-EB02DAA001B9}">
      <dgm:prSet/>
      <dgm:spPr/>
      <dgm:t>
        <a:bodyPr/>
        <a:lstStyle/>
        <a:p>
          <a:endParaRPr lang="en-NL"/>
        </a:p>
      </dgm:t>
    </dgm:pt>
    <dgm:pt modelId="{21DFD10E-E7C3-4472-92F2-20160A371582}">
      <dgm:prSet/>
      <dgm:spPr/>
      <dgm:t>
        <a:bodyPr/>
        <a:lstStyle/>
        <a:p>
          <a:r>
            <a:rPr lang="en-US"/>
            <a:t>3. Jaarlijks ontvangen bruto premie &lt; EUR 100.000.000,00</a:t>
          </a:r>
        </a:p>
      </dgm:t>
    </dgm:pt>
    <dgm:pt modelId="{3461DBE4-6BBB-4DBE-AA43-F3AD39E6B96A}" type="parTrans" cxnId="{B506A3C4-4D1B-44A3-8C1A-B178CCD22105}">
      <dgm:prSet/>
      <dgm:spPr/>
      <dgm:t>
        <a:bodyPr/>
        <a:lstStyle/>
        <a:p>
          <a:endParaRPr lang="en-NL"/>
        </a:p>
      </dgm:t>
    </dgm:pt>
    <dgm:pt modelId="{ED8A97DB-A1E5-43B6-B404-EFEDD45C10A1}" type="sibTrans" cxnId="{B506A3C4-4D1B-44A3-8C1A-B178CCD22105}">
      <dgm:prSet/>
      <dgm:spPr/>
      <dgm:t>
        <a:bodyPr/>
        <a:lstStyle/>
        <a:p>
          <a:endParaRPr lang="en-NL"/>
        </a:p>
      </dgm:t>
    </dgm:pt>
    <dgm:pt modelId="{E355B146-47AC-4AC6-BB80-02CECF572D1A}">
      <dgm:prSet phldrT="[Tekst]"/>
      <dgm:spPr/>
      <dgm:t>
        <a:bodyPr/>
        <a:lstStyle/>
        <a:p>
          <a:r>
            <a:rPr lang="nl-NL"/>
            <a:t> De SCR markt  </a:t>
          </a:r>
          <a:endParaRPr lang="en-NL"/>
        </a:p>
      </dgm:t>
    </dgm:pt>
    <dgm:pt modelId="{560B12D1-2AE2-4C40-A5D5-EA6EA0B63B8E}" type="parTrans" cxnId="{3C9F2D28-9FFC-4490-804F-980B83D4922C}">
      <dgm:prSet/>
      <dgm:spPr/>
      <dgm:t>
        <a:bodyPr/>
        <a:lstStyle/>
        <a:p>
          <a:endParaRPr lang="en-NL"/>
        </a:p>
      </dgm:t>
    </dgm:pt>
    <dgm:pt modelId="{FF1784B3-B17A-4E3C-AE0A-DFF6150B9028}" type="sibTrans" cxnId="{3C9F2D28-9FFC-4490-804F-980B83D4922C}">
      <dgm:prSet/>
      <dgm:spPr/>
      <dgm:t>
        <a:bodyPr/>
        <a:lstStyle/>
        <a:p>
          <a:endParaRPr lang="en-NL"/>
        </a:p>
      </dgm:t>
    </dgm:pt>
    <dgm:pt modelId="{AF73152D-2622-4B95-A605-2A193DD44DFF}">
      <dgm:prSet phldrT="[Tekst]"/>
      <dgm:spPr/>
      <dgm:t>
        <a:bodyPr/>
        <a:lstStyle/>
        <a:p>
          <a:r>
            <a:rPr lang="nl-NL"/>
            <a:t> Elke kapitaaleis van toepassing wegens het aanhouden van immateriële activa niet gedekt in de marktrisico- en tegenpartijkredietrisico modules </a:t>
          </a:r>
          <a:endParaRPr lang="en-NL"/>
        </a:p>
      </dgm:t>
    </dgm:pt>
    <dgm:pt modelId="{6D0F3697-5457-4C13-A430-B5E27FBC7B7E}" type="parTrans" cxnId="{79B8410F-24CA-41A6-A8B3-1768F115BD67}">
      <dgm:prSet/>
      <dgm:spPr/>
      <dgm:t>
        <a:bodyPr/>
        <a:lstStyle/>
        <a:p>
          <a:endParaRPr lang="en-NL"/>
        </a:p>
      </dgm:t>
    </dgm:pt>
    <dgm:pt modelId="{A650DED9-DEB6-4A33-B2DE-EE8B25B986F8}" type="sibTrans" cxnId="{79B8410F-24CA-41A6-A8B3-1768F115BD67}">
      <dgm:prSet/>
      <dgm:spPr/>
      <dgm:t>
        <a:bodyPr/>
        <a:lstStyle/>
        <a:p>
          <a:endParaRPr lang="en-NL"/>
        </a:p>
      </dgm:t>
    </dgm:pt>
    <dgm:pt modelId="{AD6E3328-5B7C-4B94-9851-24B020829300}">
      <dgm:prSet phldrT="[Tekst]"/>
      <dgm:spPr/>
      <dgm:t>
        <a:bodyPr/>
        <a:lstStyle/>
        <a:p>
          <a:r>
            <a:rPr lang="nl-NL"/>
            <a:t> De SCR tegenpartijkredietrisico </a:t>
          </a:r>
          <a:endParaRPr lang="en-NL"/>
        </a:p>
      </dgm:t>
    </dgm:pt>
    <dgm:pt modelId="{8C076F87-D1C3-4829-8619-CA9693A34E89}" type="sibTrans" cxnId="{9DEB4254-39D4-4E00-A8C0-20116121F206}">
      <dgm:prSet/>
      <dgm:spPr/>
      <dgm:t>
        <a:bodyPr/>
        <a:lstStyle/>
        <a:p>
          <a:endParaRPr lang="en-NL"/>
        </a:p>
      </dgm:t>
    </dgm:pt>
    <dgm:pt modelId="{936C0DE2-A7F9-46BC-94FC-EFD1F82C6898}" type="parTrans" cxnId="{9DEB4254-39D4-4E00-A8C0-20116121F206}">
      <dgm:prSet/>
      <dgm:spPr/>
      <dgm:t>
        <a:bodyPr/>
        <a:lstStyle/>
        <a:p>
          <a:endParaRPr lang="en-NL"/>
        </a:p>
      </dgm:t>
    </dgm:pt>
    <dgm:pt modelId="{B3156C0B-4A1C-406A-8236-ECD1BB74C235}">
      <dgm:prSet phldrT="[Tekst]"/>
      <dgm:spPr/>
      <dgm:t>
        <a:bodyPr/>
        <a:lstStyle/>
        <a:p>
          <a:r>
            <a:rPr lang="nl-NL"/>
            <a:t>7. SCR-ratio &gt; 100%</a:t>
          </a:r>
        </a:p>
      </dgm:t>
    </dgm:pt>
    <dgm:pt modelId="{8D082BB7-FDB8-4B5C-BE47-82B928E6B02D}" type="parTrans" cxnId="{92747F32-E194-4C98-9E39-92967A938ADA}">
      <dgm:prSet/>
      <dgm:spPr/>
      <dgm:t>
        <a:bodyPr/>
        <a:lstStyle/>
        <a:p>
          <a:endParaRPr lang="en-NL"/>
        </a:p>
      </dgm:t>
    </dgm:pt>
    <dgm:pt modelId="{079AA2E6-8BA4-4E10-B0F8-65F56EE54696}" type="sibTrans" cxnId="{92747F32-E194-4C98-9E39-92967A938ADA}">
      <dgm:prSet/>
      <dgm:spPr/>
      <dgm:t>
        <a:bodyPr/>
        <a:lstStyle/>
        <a:p>
          <a:endParaRPr lang="en-NL"/>
        </a:p>
      </dgm:t>
    </dgm:pt>
    <dgm:pt modelId="{D5C8B89C-CCE4-4271-80FC-87F088373084}" type="pres">
      <dgm:prSet presAssocID="{3F5A2974-D3D9-4098-BCEA-90EC0B6D71AC}" presName="linear" presStyleCnt="0">
        <dgm:presLayoutVars>
          <dgm:animLvl val="lvl"/>
          <dgm:resizeHandles val="exact"/>
        </dgm:presLayoutVars>
      </dgm:prSet>
      <dgm:spPr/>
    </dgm:pt>
    <dgm:pt modelId="{50AAF42F-4F63-4ECA-B19B-4829D00520E8}" type="pres">
      <dgm:prSet presAssocID="{84FB7BAE-471A-46EA-9360-F31747DD50D6}" presName="parentText" presStyleLbl="node1" presStyleIdx="0" presStyleCnt="7">
        <dgm:presLayoutVars>
          <dgm:chMax val="0"/>
          <dgm:bulletEnabled val="1"/>
        </dgm:presLayoutVars>
      </dgm:prSet>
      <dgm:spPr/>
    </dgm:pt>
    <dgm:pt modelId="{7FA73C35-9413-425B-9613-8E83B94C8DBE}" type="pres">
      <dgm:prSet presAssocID="{556936CE-9D33-43B6-9557-75629AA978D3}" presName="spacer" presStyleCnt="0"/>
      <dgm:spPr/>
    </dgm:pt>
    <dgm:pt modelId="{3C59B12E-257E-495D-A249-0F00FD3B6BEB}" type="pres">
      <dgm:prSet presAssocID="{6AB67A13-1493-415E-9CE5-9D3186A10384}" presName="parentText" presStyleLbl="node1" presStyleIdx="1" presStyleCnt="7">
        <dgm:presLayoutVars>
          <dgm:chMax val="0"/>
          <dgm:bulletEnabled val="1"/>
        </dgm:presLayoutVars>
      </dgm:prSet>
      <dgm:spPr/>
    </dgm:pt>
    <dgm:pt modelId="{22E7E4E7-4F98-4AA3-89EE-E407B48108B4}" type="pres">
      <dgm:prSet presAssocID="{6AB67A13-1493-415E-9CE5-9D3186A10384}" presName="childText" presStyleLbl="revTx" presStyleIdx="0" presStyleCnt="2">
        <dgm:presLayoutVars>
          <dgm:bulletEnabled val="1"/>
        </dgm:presLayoutVars>
      </dgm:prSet>
      <dgm:spPr/>
    </dgm:pt>
    <dgm:pt modelId="{BE487411-1BCC-4621-BF73-52095AFBA8F7}" type="pres">
      <dgm:prSet presAssocID="{21DFD10E-E7C3-4472-92F2-20160A371582}" presName="parentText" presStyleLbl="node1" presStyleIdx="2" presStyleCnt="7">
        <dgm:presLayoutVars>
          <dgm:chMax val="0"/>
          <dgm:bulletEnabled val="1"/>
        </dgm:presLayoutVars>
      </dgm:prSet>
      <dgm:spPr/>
    </dgm:pt>
    <dgm:pt modelId="{A5AF02AC-F996-4130-BDAD-6077892A4B8C}" type="pres">
      <dgm:prSet presAssocID="{ED8A97DB-A1E5-43B6-B404-EFEDD45C10A1}" presName="spacer" presStyleCnt="0"/>
      <dgm:spPr/>
    </dgm:pt>
    <dgm:pt modelId="{41BC37C7-3DDD-4A89-845B-FB7B26EEA954}" type="pres">
      <dgm:prSet presAssocID="{D19E43F7-F910-4007-8ADF-283C54F7E19A}" presName="parentText" presStyleLbl="node1" presStyleIdx="3" presStyleCnt="7">
        <dgm:presLayoutVars>
          <dgm:chMax val="0"/>
          <dgm:bulletEnabled val="1"/>
        </dgm:presLayoutVars>
      </dgm:prSet>
      <dgm:spPr/>
    </dgm:pt>
    <dgm:pt modelId="{4CE7F3CD-947F-4E2B-9130-E1334DCDFCED}" type="pres">
      <dgm:prSet presAssocID="{7323786D-45C8-46B5-82C1-F736A237A3F3}" presName="spacer" presStyleCnt="0"/>
      <dgm:spPr/>
    </dgm:pt>
    <dgm:pt modelId="{82C9D2F5-4465-4422-A122-7E3527BD1B97}" type="pres">
      <dgm:prSet presAssocID="{7ABF204C-13D8-4A73-906B-13E44483F2B7}" presName="parentText" presStyleLbl="node1" presStyleIdx="4" presStyleCnt="7">
        <dgm:presLayoutVars>
          <dgm:chMax val="0"/>
          <dgm:bulletEnabled val="1"/>
        </dgm:presLayoutVars>
      </dgm:prSet>
      <dgm:spPr/>
    </dgm:pt>
    <dgm:pt modelId="{658B462F-602F-4A88-9780-4F0A2456672A}" type="pres">
      <dgm:prSet presAssocID="{7ABF204C-13D8-4A73-906B-13E44483F2B7}" presName="childText" presStyleLbl="revTx" presStyleIdx="1" presStyleCnt="2">
        <dgm:presLayoutVars>
          <dgm:bulletEnabled val="1"/>
        </dgm:presLayoutVars>
      </dgm:prSet>
      <dgm:spPr/>
    </dgm:pt>
    <dgm:pt modelId="{DC29C993-C54E-4459-9989-7E775DB03BC0}" type="pres">
      <dgm:prSet presAssocID="{CC44B118-365F-4B62-A076-A38029339E7D}" presName="parentText" presStyleLbl="node1" presStyleIdx="5" presStyleCnt="7">
        <dgm:presLayoutVars>
          <dgm:chMax val="0"/>
          <dgm:bulletEnabled val="1"/>
        </dgm:presLayoutVars>
      </dgm:prSet>
      <dgm:spPr/>
    </dgm:pt>
    <dgm:pt modelId="{11F0D9EA-53C2-4BC1-9E56-F178E61B6243}" type="pres">
      <dgm:prSet presAssocID="{D5DFA7B0-9D79-468D-8E5C-661352D8CE36}" presName="spacer" presStyleCnt="0"/>
      <dgm:spPr/>
    </dgm:pt>
    <dgm:pt modelId="{C2335DD2-7287-4231-82C3-AE6EA1C36102}" type="pres">
      <dgm:prSet presAssocID="{B3156C0B-4A1C-406A-8236-ECD1BB74C235}" presName="parentText" presStyleLbl="node1" presStyleIdx="6" presStyleCnt="7">
        <dgm:presLayoutVars>
          <dgm:chMax val="0"/>
          <dgm:bulletEnabled val="1"/>
        </dgm:presLayoutVars>
      </dgm:prSet>
      <dgm:spPr/>
    </dgm:pt>
  </dgm:ptLst>
  <dgm:cxnLst>
    <dgm:cxn modelId="{03D59B04-7389-4DBF-AB87-42B8EB2D0416}" type="presOf" srcId="{B3156C0B-4A1C-406A-8236-ECD1BB74C235}" destId="{C2335DD2-7287-4231-82C3-AE6EA1C36102}" srcOrd="0" destOrd="0" presId="urn:microsoft.com/office/officeart/2005/8/layout/vList2"/>
    <dgm:cxn modelId="{79B8410F-24CA-41A6-A8B3-1768F115BD67}" srcId="{7ABF204C-13D8-4A73-906B-13E44483F2B7}" destId="{AF73152D-2622-4B95-A605-2A193DD44DFF}" srcOrd="2" destOrd="0" parTransId="{6D0F3697-5457-4C13-A430-B5E27FBC7B7E}" sibTransId="{A650DED9-DEB6-4A33-B2DE-EE8B25B986F8}"/>
    <dgm:cxn modelId="{3B51D413-C705-4D96-B7C8-73253E7BBEEF}" srcId="{6AB67A13-1493-415E-9CE5-9D3186A10384}" destId="{AE33B62D-C350-445E-8A3B-90530678A4B9}" srcOrd="1" destOrd="0" parTransId="{2ADB90D9-AF06-4F32-A6CF-52E255007C16}" sibTransId="{645EBC37-1340-4E64-AAF8-890D32FB6461}"/>
    <dgm:cxn modelId="{F9EC151A-A348-4275-8762-AED697295A07}" srcId="{3F5A2974-D3D9-4098-BCEA-90EC0B6D71AC}" destId="{6AB67A13-1493-415E-9CE5-9D3186A10384}" srcOrd="1" destOrd="0" parTransId="{367E6572-DE17-496C-8D97-C79E33F6D240}" sibTransId="{A63AB745-8E4D-45E2-AD32-9B8BBCD3C9EC}"/>
    <dgm:cxn modelId="{0CF8F51A-4C20-49E2-AA64-EB02DAA001B9}" srcId="{3F5A2974-D3D9-4098-BCEA-90EC0B6D71AC}" destId="{7ABF204C-13D8-4A73-906B-13E44483F2B7}" srcOrd="4" destOrd="0" parTransId="{0AB9233C-E1BF-4CA4-B67F-6677ECBD3AC7}" sibTransId="{61D64319-4D93-4093-B8B8-F4C7C156336D}"/>
    <dgm:cxn modelId="{175EE224-6FC2-4E88-AF82-F04A22ADA824}" type="presOf" srcId="{11F34D12-70CC-45C8-A336-B5D4B54C6C27}" destId="{22E7E4E7-4F98-4AA3-89EE-E407B48108B4}" srcOrd="0" destOrd="0" presId="urn:microsoft.com/office/officeart/2005/8/layout/vList2"/>
    <dgm:cxn modelId="{3C9F2D28-9FFC-4490-804F-980B83D4922C}" srcId="{7ABF204C-13D8-4A73-906B-13E44483F2B7}" destId="{E355B146-47AC-4AC6-BB80-02CECF572D1A}" srcOrd="0" destOrd="0" parTransId="{560B12D1-2AE2-4C40-A5D5-EA6EA0B63B8E}" sibTransId="{FF1784B3-B17A-4E3C-AE0A-DFF6150B9028}"/>
    <dgm:cxn modelId="{404E2F28-166A-4EF3-8CF8-CF66C899AEDD}" srcId="{3F5A2974-D3D9-4098-BCEA-90EC0B6D71AC}" destId="{CC44B118-365F-4B62-A076-A38029339E7D}" srcOrd="5" destOrd="0" parTransId="{E473570D-F363-46DE-B938-4746CF87E581}" sibTransId="{D5DFA7B0-9D79-468D-8E5C-661352D8CE36}"/>
    <dgm:cxn modelId="{92747F32-E194-4C98-9E39-92967A938ADA}" srcId="{3F5A2974-D3D9-4098-BCEA-90EC0B6D71AC}" destId="{B3156C0B-4A1C-406A-8236-ECD1BB74C235}" srcOrd="6" destOrd="0" parTransId="{8D082BB7-FDB8-4B5C-BE47-82B928E6B02D}" sibTransId="{079AA2E6-8BA4-4E10-B0F8-65F56EE54696}"/>
    <dgm:cxn modelId="{9DEB4254-39D4-4E00-A8C0-20116121F206}" srcId="{7ABF204C-13D8-4A73-906B-13E44483F2B7}" destId="{AD6E3328-5B7C-4B94-9851-24B020829300}" srcOrd="1" destOrd="0" parTransId="{936C0DE2-A7F9-46BC-94FC-EFD1F82C6898}" sibTransId="{8C076F87-D1C3-4829-8619-CA9693A34E89}"/>
    <dgm:cxn modelId="{30257255-68D3-4EF8-96EC-363C2CB58FF5}" type="presOf" srcId="{D19E43F7-F910-4007-8ADF-283C54F7E19A}" destId="{41BC37C7-3DDD-4A89-845B-FB7B26EEA954}" srcOrd="0" destOrd="0" presId="urn:microsoft.com/office/officeart/2005/8/layout/vList2"/>
    <dgm:cxn modelId="{A194A556-6C71-401A-99CE-8B1607A9C75F}" type="presOf" srcId="{6AB67A13-1493-415E-9CE5-9D3186A10384}" destId="{3C59B12E-257E-495D-A249-0F00FD3B6BEB}" srcOrd="0" destOrd="0" presId="urn:microsoft.com/office/officeart/2005/8/layout/vList2"/>
    <dgm:cxn modelId="{F8E21C7D-3A61-4155-97A8-A9838EFF141E}" type="presOf" srcId="{21DFD10E-E7C3-4472-92F2-20160A371582}" destId="{BE487411-1BCC-4621-BF73-52095AFBA8F7}" srcOrd="0" destOrd="0" presId="urn:microsoft.com/office/officeart/2005/8/layout/vList2"/>
    <dgm:cxn modelId="{C7634D87-D795-49C8-AF44-47D75A9F079B}" type="presOf" srcId="{7ABF204C-13D8-4A73-906B-13E44483F2B7}" destId="{82C9D2F5-4465-4422-A122-7E3527BD1B97}" srcOrd="0" destOrd="0" presId="urn:microsoft.com/office/officeart/2005/8/layout/vList2"/>
    <dgm:cxn modelId="{D1524B93-EEF7-4174-9B37-050064DE6E8B}" type="presOf" srcId="{AE33B62D-C350-445E-8A3B-90530678A4B9}" destId="{22E7E4E7-4F98-4AA3-89EE-E407B48108B4}" srcOrd="0" destOrd="1" presId="urn:microsoft.com/office/officeart/2005/8/layout/vList2"/>
    <dgm:cxn modelId="{AC15AAB7-53FB-4054-A3CE-7F306CB4D3A1}" srcId="{3F5A2974-D3D9-4098-BCEA-90EC0B6D71AC}" destId="{84FB7BAE-471A-46EA-9360-F31747DD50D6}" srcOrd="0" destOrd="0" parTransId="{672498A7-3253-48A2-B363-A03015845F50}" sibTransId="{556936CE-9D33-43B6-9557-75629AA978D3}"/>
    <dgm:cxn modelId="{BD3211BD-0892-4E4E-BE05-8E84CD28D42E}" type="presOf" srcId="{E355B146-47AC-4AC6-BB80-02CECF572D1A}" destId="{658B462F-602F-4A88-9780-4F0A2456672A}" srcOrd="0" destOrd="0" presId="urn:microsoft.com/office/officeart/2005/8/layout/vList2"/>
    <dgm:cxn modelId="{49A028BD-8A6D-4366-AA45-619C4BAA9929}" type="presOf" srcId="{84FB7BAE-471A-46EA-9360-F31747DD50D6}" destId="{50AAF42F-4F63-4ECA-B19B-4829D00520E8}" srcOrd="0" destOrd="0" presId="urn:microsoft.com/office/officeart/2005/8/layout/vList2"/>
    <dgm:cxn modelId="{B506A3C4-4D1B-44A3-8C1A-B178CCD22105}" srcId="{3F5A2974-D3D9-4098-BCEA-90EC0B6D71AC}" destId="{21DFD10E-E7C3-4472-92F2-20160A371582}" srcOrd="2" destOrd="0" parTransId="{3461DBE4-6BBB-4DBE-AA43-F3AD39E6B96A}" sibTransId="{ED8A97DB-A1E5-43B6-B404-EFEDD45C10A1}"/>
    <dgm:cxn modelId="{D1EE66C7-DD99-4593-8867-CF50D65C7A33}" type="presOf" srcId="{AF73152D-2622-4B95-A605-2A193DD44DFF}" destId="{658B462F-602F-4A88-9780-4F0A2456672A}" srcOrd="0" destOrd="2" presId="urn:microsoft.com/office/officeart/2005/8/layout/vList2"/>
    <dgm:cxn modelId="{68B4A0C9-858B-4E21-BF95-AA26622638B0}" srcId="{6AB67A13-1493-415E-9CE5-9D3186A10384}" destId="{11F34D12-70CC-45C8-A336-B5D4B54C6C27}" srcOrd="0" destOrd="0" parTransId="{EAE070DB-2F70-4585-900D-979CC048B146}" sibTransId="{DF615D85-DFB1-4546-8C74-537559F0F06C}"/>
    <dgm:cxn modelId="{897256E4-93FF-4BAB-A0FE-5259323A9E3E}" type="presOf" srcId="{3F5A2974-D3D9-4098-BCEA-90EC0B6D71AC}" destId="{D5C8B89C-CCE4-4271-80FC-87F088373084}" srcOrd="0" destOrd="0" presId="urn:microsoft.com/office/officeart/2005/8/layout/vList2"/>
    <dgm:cxn modelId="{274909F7-3F42-4B64-8C26-791504DED466}" type="presOf" srcId="{CC44B118-365F-4B62-A076-A38029339E7D}" destId="{DC29C993-C54E-4459-9989-7E775DB03BC0}" srcOrd="0" destOrd="0" presId="urn:microsoft.com/office/officeart/2005/8/layout/vList2"/>
    <dgm:cxn modelId="{58FDFCF8-BBF1-4B76-A078-AB76B7A515B8}" srcId="{3F5A2974-D3D9-4098-BCEA-90EC0B6D71AC}" destId="{D19E43F7-F910-4007-8ADF-283C54F7E19A}" srcOrd="3" destOrd="0" parTransId="{904BA096-21DB-4BE8-BB42-88D3668EB833}" sibTransId="{7323786D-45C8-46B5-82C1-F736A237A3F3}"/>
    <dgm:cxn modelId="{E6940BFC-70B0-4C1A-939B-1A5770948514}" type="presOf" srcId="{AD6E3328-5B7C-4B94-9851-24B020829300}" destId="{658B462F-602F-4A88-9780-4F0A2456672A}" srcOrd="0" destOrd="1" presId="urn:microsoft.com/office/officeart/2005/8/layout/vList2"/>
    <dgm:cxn modelId="{CA5FBC46-DAEA-4E8C-94BF-E14764A013A5}" type="presParOf" srcId="{D5C8B89C-CCE4-4271-80FC-87F088373084}" destId="{50AAF42F-4F63-4ECA-B19B-4829D00520E8}" srcOrd="0" destOrd="0" presId="urn:microsoft.com/office/officeart/2005/8/layout/vList2"/>
    <dgm:cxn modelId="{88A03E3D-562C-4A22-B11B-78E546A7614D}" type="presParOf" srcId="{D5C8B89C-CCE4-4271-80FC-87F088373084}" destId="{7FA73C35-9413-425B-9613-8E83B94C8DBE}" srcOrd="1" destOrd="0" presId="urn:microsoft.com/office/officeart/2005/8/layout/vList2"/>
    <dgm:cxn modelId="{31A52719-727D-4CAB-97A8-21C77C8F99F8}" type="presParOf" srcId="{D5C8B89C-CCE4-4271-80FC-87F088373084}" destId="{3C59B12E-257E-495D-A249-0F00FD3B6BEB}" srcOrd="2" destOrd="0" presId="urn:microsoft.com/office/officeart/2005/8/layout/vList2"/>
    <dgm:cxn modelId="{E6763E4C-6006-4302-BFD0-2153F2E67741}" type="presParOf" srcId="{D5C8B89C-CCE4-4271-80FC-87F088373084}" destId="{22E7E4E7-4F98-4AA3-89EE-E407B48108B4}" srcOrd="3" destOrd="0" presId="urn:microsoft.com/office/officeart/2005/8/layout/vList2"/>
    <dgm:cxn modelId="{54ADB731-F285-44C8-96A6-450F6E6DF16B}" type="presParOf" srcId="{D5C8B89C-CCE4-4271-80FC-87F088373084}" destId="{BE487411-1BCC-4621-BF73-52095AFBA8F7}" srcOrd="4" destOrd="0" presId="urn:microsoft.com/office/officeart/2005/8/layout/vList2"/>
    <dgm:cxn modelId="{9A589691-E5B4-4B72-8693-37D50FC1ECCD}" type="presParOf" srcId="{D5C8B89C-CCE4-4271-80FC-87F088373084}" destId="{A5AF02AC-F996-4130-BDAD-6077892A4B8C}" srcOrd="5" destOrd="0" presId="urn:microsoft.com/office/officeart/2005/8/layout/vList2"/>
    <dgm:cxn modelId="{85CD7726-137D-40A8-807F-B00E879B7B02}" type="presParOf" srcId="{D5C8B89C-CCE4-4271-80FC-87F088373084}" destId="{41BC37C7-3DDD-4A89-845B-FB7B26EEA954}" srcOrd="6" destOrd="0" presId="urn:microsoft.com/office/officeart/2005/8/layout/vList2"/>
    <dgm:cxn modelId="{E6F608C1-7830-49D0-89A8-E5DEFAAAAFE4}" type="presParOf" srcId="{D5C8B89C-CCE4-4271-80FC-87F088373084}" destId="{4CE7F3CD-947F-4E2B-9130-E1334DCDFCED}" srcOrd="7" destOrd="0" presId="urn:microsoft.com/office/officeart/2005/8/layout/vList2"/>
    <dgm:cxn modelId="{464B04A3-FC17-443D-A418-B9B49B2D7AEA}" type="presParOf" srcId="{D5C8B89C-CCE4-4271-80FC-87F088373084}" destId="{82C9D2F5-4465-4422-A122-7E3527BD1B97}" srcOrd="8" destOrd="0" presId="urn:microsoft.com/office/officeart/2005/8/layout/vList2"/>
    <dgm:cxn modelId="{1855BAD5-478F-4E62-80C6-0988D24ADCE4}" type="presParOf" srcId="{D5C8B89C-CCE4-4271-80FC-87F088373084}" destId="{658B462F-602F-4A88-9780-4F0A2456672A}" srcOrd="9" destOrd="0" presId="urn:microsoft.com/office/officeart/2005/8/layout/vList2"/>
    <dgm:cxn modelId="{2BC4F49E-DD3C-4697-AA0A-870711DA8F49}" type="presParOf" srcId="{D5C8B89C-CCE4-4271-80FC-87F088373084}" destId="{DC29C993-C54E-4459-9989-7E775DB03BC0}" srcOrd="10" destOrd="0" presId="urn:microsoft.com/office/officeart/2005/8/layout/vList2"/>
    <dgm:cxn modelId="{1ADFB68D-3A51-47A6-9BBC-AE9C311C49C1}" type="presParOf" srcId="{D5C8B89C-CCE4-4271-80FC-87F088373084}" destId="{11F0D9EA-53C2-4BC1-9E56-F178E61B6243}" srcOrd="11" destOrd="0" presId="urn:microsoft.com/office/officeart/2005/8/layout/vList2"/>
    <dgm:cxn modelId="{8A14D01B-3974-42CF-8E1F-6EE160DBAE93}" type="presParOf" srcId="{D5C8B89C-CCE4-4271-80FC-87F088373084}" destId="{C2335DD2-7287-4231-82C3-AE6EA1C36102}" srcOrd="12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35804AB5-F21B-47D3-8A9A-5E1B1E3F1F9C}">
      <dsp:nvSpPr>
        <dsp:cNvPr id="0" name=""/>
        <dsp:cNvSpPr/>
      </dsp:nvSpPr>
      <dsp:spPr>
        <a:xfrm>
          <a:off x="124527" y="6352"/>
          <a:ext cx="5648159" cy="822587"/>
        </a:xfrm>
        <a:prstGeom prst="rightArrow">
          <a:avLst>
            <a:gd name="adj1" fmla="val 50000"/>
            <a:gd name="adj2" fmla="val 5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1910" tIns="41910" rIns="254000" bIns="130586" numCol="1" spcCol="1270" anchor="ctr" anchorCtr="0">
          <a:noAutofit/>
        </a:bodyPr>
        <a:lstStyle/>
        <a:p>
          <a:pPr marL="0" lvl="0" indent="0" algn="l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100" kern="1200"/>
            <a:t>Herziening Richtlijn Solvency II 2009/138/EC</a:t>
          </a:r>
          <a:endParaRPr lang="en-NL" sz="1100" kern="1200"/>
        </a:p>
      </dsp:txBody>
      <dsp:txXfrm>
        <a:off x="124527" y="211999"/>
        <a:ext cx="5442512" cy="411293"/>
      </dsp:txXfrm>
    </dsp:sp>
    <dsp:sp modelId="{398357B1-341C-47C8-B77B-85F84E9F2B21}">
      <dsp:nvSpPr>
        <dsp:cNvPr id="0" name=""/>
        <dsp:cNvSpPr/>
      </dsp:nvSpPr>
      <dsp:spPr>
        <a:xfrm>
          <a:off x="124527" y="640685"/>
          <a:ext cx="1739633" cy="1584605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38100" tIns="38100" rIns="38100" bIns="38100" numCol="1" spcCol="1270" anchor="t" anchorCtr="0">
          <a:noAutofit/>
        </a:bodyPr>
        <a:lstStyle/>
        <a:p>
          <a:pPr marL="0" lvl="0" indent="0" algn="l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000" b="1" kern="1200"/>
            <a:t>Uitwerkingsfase</a:t>
          </a:r>
        </a:p>
        <a:p>
          <a:pPr marL="0" lvl="0" indent="0" algn="l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000" kern="1200"/>
            <a:t>EIOPA: opstellen technische standaarden (</a:t>
          </a:r>
          <a:r>
            <a:rPr lang="nl-NL" sz="1000" kern="1200" err="1"/>
            <a:t>RTS'en</a:t>
          </a:r>
          <a:r>
            <a:rPr lang="nl-NL" sz="1000" kern="1200"/>
            <a:t> en </a:t>
          </a:r>
          <a:r>
            <a:rPr lang="nl-NL" sz="1000" kern="1200" err="1"/>
            <a:t>ITS’en</a:t>
          </a:r>
          <a:r>
            <a:rPr lang="nl-NL" sz="1000" kern="1200"/>
            <a:t>)</a:t>
          </a:r>
          <a:endParaRPr lang="en-NL" sz="1000" kern="1200"/>
        </a:p>
        <a:p>
          <a:pPr marL="0" lvl="0" indent="0" algn="l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l-NL" sz="1000" i="0" kern="1200"/>
        </a:p>
        <a:p>
          <a:pPr marL="0" lvl="0" indent="0" algn="l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000" i="0" kern="1200"/>
            <a:t>Implementatie in </a:t>
          </a:r>
          <a:r>
            <a:rPr lang="nl-NL" sz="1000" i="0" kern="1200" err="1"/>
            <a:t>Wft</a:t>
          </a:r>
          <a:r>
            <a:rPr lang="nl-NL" sz="1000" i="0" kern="1200"/>
            <a:t> (DNB ondersteunt </a:t>
          </a:r>
          <a:r>
            <a:rPr lang="nl-NL" sz="1000" i="0" kern="1200" err="1"/>
            <a:t>minfin</a:t>
          </a:r>
          <a:r>
            <a:rPr lang="nl-NL" sz="1000" i="0" kern="1200"/>
            <a:t>)</a:t>
          </a:r>
          <a:endParaRPr lang="en-NL" sz="1000" i="0" kern="1200"/>
        </a:p>
      </dsp:txBody>
      <dsp:txXfrm>
        <a:off x="124527" y="640685"/>
        <a:ext cx="1739633" cy="1584605"/>
      </dsp:txXfrm>
    </dsp:sp>
    <dsp:sp modelId="{333F377C-CD98-4E67-A7C9-7738A995B21F}">
      <dsp:nvSpPr>
        <dsp:cNvPr id="0" name=""/>
        <dsp:cNvSpPr/>
      </dsp:nvSpPr>
      <dsp:spPr>
        <a:xfrm>
          <a:off x="1864160" y="280548"/>
          <a:ext cx="3908526" cy="822587"/>
        </a:xfrm>
        <a:prstGeom prst="rightArrow">
          <a:avLst>
            <a:gd name="adj1" fmla="val 50000"/>
            <a:gd name="adj2" fmla="val 50000"/>
          </a:avLst>
        </a:prstGeom>
        <a:solidFill>
          <a:schemeClr val="accent2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1910" tIns="41910" rIns="254000" bIns="130586" numCol="1" spcCol="1270" anchor="ctr" anchorCtr="0">
          <a:noAutofit/>
        </a:bodyPr>
        <a:lstStyle/>
        <a:p>
          <a:pPr marL="0" lvl="0" indent="0" algn="l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100" kern="1200"/>
            <a:t>Herziening Gedelegeerde Verordening 2015/35</a:t>
          </a:r>
          <a:endParaRPr lang="en-NL" sz="1100" kern="1200"/>
        </a:p>
      </dsp:txBody>
      <dsp:txXfrm>
        <a:off x="1864160" y="486195"/>
        <a:ext cx="3702879" cy="411293"/>
      </dsp:txXfrm>
    </dsp:sp>
    <dsp:sp modelId="{7FCFF376-58A2-42BC-B0E8-65CE7D12ACE8}">
      <dsp:nvSpPr>
        <dsp:cNvPr id="0" name=""/>
        <dsp:cNvSpPr/>
      </dsp:nvSpPr>
      <dsp:spPr>
        <a:xfrm>
          <a:off x="1864160" y="914881"/>
          <a:ext cx="1739633" cy="1584605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38100" tIns="38100" rIns="38100" bIns="38100" numCol="1" spcCol="1270" anchor="t" anchorCtr="0">
          <a:noAutofit/>
        </a:bodyPr>
        <a:lstStyle/>
        <a:p>
          <a:pPr marL="0" lvl="0" indent="0" algn="l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000" b="1" kern="1200"/>
            <a:t>Ontwerpfase</a:t>
          </a:r>
        </a:p>
        <a:p>
          <a:pPr marL="0" lvl="0" indent="0" algn="l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000" kern="1200"/>
            <a:t>Rechtstreekse werking, geen aanpassing </a:t>
          </a:r>
          <a:r>
            <a:rPr lang="nl-NL" sz="1000" kern="1200" err="1"/>
            <a:t>Wft</a:t>
          </a:r>
          <a:endParaRPr lang="en-NL" sz="1000" kern="1200"/>
        </a:p>
      </dsp:txBody>
      <dsp:txXfrm>
        <a:off x="1864160" y="914881"/>
        <a:ext cx="1739633" cy="1584605"/>
      </dsp:txXfrm>
    </dsp:sp>
    <dsp:sp modelId="{68157ABD-A046-4D3E-9946-37CD5A605EFD}">
      <dsp:nvSpPr>
        <dsp:cNvPr id="0" name=""/>
        <dsp:cNvSpPr/>
      </dsp:nvSpPr>
      <dsp:spPr>
        <a:xfrm>
          <a:off x="3603793" y="554743"/>
          <a:ext cx="2168893" cy="822587"/>
        </a:xfrm>
        <a:prstGeom prst="rightArrow">
          <a:avLst>
            <a:gd name="adj1" fmla="val 50000"/>
            <a:gd name="adj2" fmla="val 50000"/>
          </a:avLst>
        </a:prstGeom>
        <a:solidFill>
          <a:schemeClr val="accent6"/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41910" tIns="41910" rIns="254000" bIns="130586" numCol="1" spcCol="1270" anchor="ctr" anchorCtr="0">
          <a:noAutofit/>
        </a:bodyPr>
        <a:lstStyle/>
        <a:p>
          <a:pPr marL="0" lvl="0" indent="0" algn="l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100" kern="1200"/>
            <a:t>DNB beleid en toezicht</a:t>
          </a:r>
          <a:endParaRPr lang="en-NL" sz="1100" kern="1200"/>
        </a:p>
      </dsp:txBody>
      <dsp:txXfrm>
        <a:off x="3603793" y="760390"/>
        <a:ext cx="1963246" cy="411293"/>
      </dsp:txXfrm>
    </dsp:sp>
    <dsp:sp modelId="{538FA183-374E-4A98-A17F-F2D854E98CAF}">
      <dsp:nvSpPr>
        <dsp:cNvPr id="0" name=""/>
        <dsp:cNvSpPr/>
      </dsp:nvSpPr>
      <dsp:spPr>
        <a:xfrm>
          <a:off x="3603793" y="1189077"/>
          <a:ext cx="1739633" cy="1561415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38100" tIns="38100" rIns="38100" bIns="38100" numCol="1" spcCol="1270" anchor="t" anchorCtr="0">
          <a:noAutofit/>
        </a:bodyPr>
        <a:lstStyle/>
        <a:p>
          <a:pPr marL="0" lvl="0" indent="0" algn="l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000" b="1" i="0" kern="1200"/>
            <a:t>planfase</a:t>
          </a:r>
        </a:p>
        <a:p>
          <a:pPr marL="0" lvl="0" indent="0" algn="l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000" i="0" kern="1200"/>
            <a:t>DNB beleid aanpassen: beleidsregels, </a:t>
          </a:r>
          <a:r>
            <a:rPr lang="nl-NL" sz="1000" i="0" kern="1200" err="1"/>
            <a:t>Q&amp;A's</a:t>
          </a:r>
          <a:r>
            <a:rPr lang="nl-NL" sz="1000" i="0" kern="1200"/>
            <a:t>, </a:t>
          </a:r>
          <a:r>
            <a:rPr lang="nl-NL" sz="1000" i="0" kern="1200" err="1"/>
            <a:t>good</a:t>
          </a:r>
          <a:r>
            <a:rPr lang="nl-NL" sz="1000" i="0" kern="1200"/>
            <a:t> </a:t>
          </a:r>
          <a:r>
            <a:rPr lang="nl-NL" sz="1000" i="0" kern="1200" err="1"/>
            <a:t>practices</a:t>
          </a:r>
          <a:r>
            <a:rPr lang="nl-NL" sz="1000" i="0" kern="1200"/>
            <a:t>, </a:t>
          </a:r>
          <a:r>
            <a:rPr lang="nl-NL" sz="1000" i="0" kern="1200" err="1"/>
            <a:t>factsheets</a:t>
          </a:r>
          <a:endParaRPr lang="en-NL" sz="1000" i="0" kern="1200"/>
        </a:p>
        <a:p>
          <a:pPr marL="0" lvl="0" indent="0" algn="l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nl-NL" sz="1000" i="0" kern="1200"/>
        </a:p>
        <a:p>
          <a:pPr marL="0" lvl="0" indent="0" algn="l" defTabSz="4445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1000" i="0" kern="1200"/>
            <a:t>DNB toezicht aanpassen: ATM, rekenmodellen, beoordelingskaders</a:t>
          </a:r>
        </a:p>
      </dsp:txBody>
      <dsp:txXfrm>
        <a:off x="3603793" y="1189077"/>
        <a:ext cx="1739633" cy="1561415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0AAF42F-4F63-4ECA-B19B-4829D00520E8}">
      <dsp:nvSpPr>
        <dsp:cNvPr id="0" name=""/>
        <dsp:cNvSpPr/>
      </dsp:nvSpPr>
      <dsp:spPr>
        <a:xfrm>
          <a:off x="0" y="77148"/>
          <a:ext cx="5724587" cy="357526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en-US" sz="900" kern="1200"/>
            <a:t>1. 3-jaars </a:t>
          </a:r>
          <a:r>
            <a:rPr lang="en-US" sz="900" kern="1200" err="1"/>
            <a:t>gemiddelde</a:t>
          </a:r>
          <a:r>
            <a:rPr lang="en-US" sz="900" kern="1200"/>
            <a:t> </a:t>
          </a:r>
          <a:r>
            <a:rPr lang="en-US" sz="900" i="1" kern="1200"/>
            <a:t>combined ratio </a:t>
          </a:r>
          <a:r>
            <a:rPr lang="en-US" sz="900" kern="1200"/>
            <a:t>&lt; 100% </a:t>
          </a:r>
          <a:endParaRPr lang="en-NL" sz="900" kern="1200"/>
        </a:p>
      </dsp:txBody>
      <dsp:txXfrm>
        <a:off x="17453" y="94601"/>
        <a:ext cx="5689681" cy="322620"/>
      </dsp:txXfrm>
    </dsp:sp>
    <dsp:sp modelId="{3C59B12E-257E-495D-A249-0F00FD3B6BEB}">
      <dsp:nvSpPr>
        <dsp:cNvPr id="0" name=""/>
        <dsp:cNvSpPr/>
      </dsp:nvSpPr>
      <dsp:spPr>
        <a:xfrm>
          <a:off x="0" y="460594"/>
          <a:ext cx="5724587" cy="357526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en-US" sz="900" kern="1200"/>
            <a:t>2. Ontvangen bruto premie uit andere lidstaten kleiner dan </a:t>
          </a:r>
          <a:r>
            <a:rPr lang="en-US" sz="900" b="1" kern="1200"/>
            <a:t>één</a:t>
          </a:r>
          <a:r>
            <a:rPr lang="en-US" sz="900" kern="1200"/>
            <a:t> van de volgende twee grenswaarden:</a:t>
          </a:r>
          <a:endParaRPr lang="en-NL" sz="900" kern="1200"/>
        </a:p>
      </dsp:txBody>
      <dsp:txXfrm>
        <a:off x="17453" y="478047"/>
        <a:ext cx="5689681" cy="322620"/>
      </dsp:txXfrm>
    </dsp:sp>
    <dsp:sp modelId="{22E7E4E7-4F98-4AA3-89EE-E407B48108B4}">
      <dsp:nvSpPr>
        <dsp:cNvPr id="0" name=""/>
        <dsp:cNvSpPr/>
      </dsp:nvSpPr>
      <dsp:spPr>
        <a:xfrm>
          <a:off x="0" y="818121"/>
          <a:ext cx="5724587" cy="24219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81756" tIns="11430" rIns="64008" bIns="11430" numCol="1" spcCol="1270" anchor="t" anchorCtr="0">
          <a:noAutofit/>
        </a:bodyPr>
        <a:lstStyle/>
        <a:p>
          <a:pPr marL="57150" lvl="1" indent="-57150" algn="l" defTabSz="3111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nl-NL" sz="700" kern="1200"/>
            <a:t> &lt; 10% van de totale bruto premie inkomsten </a:t>
          </a:r>
          <a:endParaRPr lang="en-NL" sz="700" kern="1200"/>
        </a:p>
        <a:p>
          <a:pPr marL="57150" lvl="1" indent="-57150" algn="l" defTabSz="3111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nl-NL" sz="700" kern="1200"/>
            <a:t> &lt; EUR 20.000.000,00</a:t>
          </a:r>
          <a:endParaRPr lang="en-NL" sz="700" kern="1200"/>
        </a:p>
      </dsp:txBody>
      <dsp:txXfrm>
        <a:off x="0" y="818121"/>
        <a:ext cx="5724587" cy="242190"/>
      </dsp:txXfrm>
    </dsp:sp>
    <dsp:sp modelId="{BE487411-1BCC-4621-BF73-52095AFBA8F7}">
      <dsp:nvSpPr>
        <dsp:cNvPr id="0" name=""/>
        <dsp:cNvSpPr/>
      </dsp:nvSpPr>
      <dsp:spPr>
        <a:xfrm>
          <a:off x="0" y="1060311"/>
          <a:ext cx="5724587" cy="357526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900" kern="1200"/>
            <a:t>3. Jaarlijks ontvangen bruto premie &lt; EUR 100.000.000,00</a:t>
          </a:r>
        </a:p>
      </dsp:txBody>
      <dsp:txXfrm>
        <a:off x="17453" y="1077764"/>
        <a:ext cx="5689681" cy="322620"/>
      </dsp:txXfrm>
    </dsp:sp>
    <dsp:sp modelId="{41BC37C7-3DDD-4A89-845B-FB7B26EEA954}">
      <dsp:nvSpPr>
        <dsp:cNvPr id="0" name=""/>
        <dsp:cNvSpPr/>
      </dsp:nvSpPr>
      <dsp:spPr>
        <a:xfrm>
          <a:off x="0" y="1443757"/>
          <a:ext cx="5724587" cy="357526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Font typeface="Arial" panose="020B0604020202020204" pitchFamily="34" charset="0"/>
            <a:buNone/>
          </a:pPr>
          <a:r>
            <a:rPr lang="nl-NL" sz="900" kern="1200"/>
            <a:t>4. Ontvangen bruto premie</a:t>
          </a:r>
          <a:r>
            <a:rPr lang="en-US" sz="900" kern="1200"/>
            <a:t> </a:t>
          </a:r>
          <a:r>
            <a:rPr lang="en-US" sz="900" kern="1200" err="1"/>
            <a:t>uit</a:t>
          </a:r>
          <a:r>
            <a:rPr lang="en-US" sz="900" kern="1200"/>
            <a:t> branches 5-7, 11, 12, 14, 15* &lt; 30% van </a:t>
          </a:r>
          <a:r>
            <a:rPr lang="en-US" sz="900" kern="1200" err="1"/>
            <a:t>totale</a:t>
          </a:r>
          <a:r>
            <a:rPr lang="en-US" sz="900" kern="1200"/>
            <a:t> </a:t>
          </a:r>
          <a:r>
            <a:rPr lang="en-US" sz="900" kern="1200" err="1"/>
            <a:t>bruto</a:t>
          </a:r>
          <a:r>
            <a:rPr lang="en-US" sz="900" kern="1200"/>
            <a:t> </a:t>
          </a:r>
          <a:r>
            <a:rPr lang="en-US" sz="900" kern="1200" err="1"/>
            <a:t>premie</a:t>
          </a:r>
          <a:endParaRPr lang="en-NL" sz="900" kern="1200"/>
        </a:p>
      </dsp:txBody>
      <dsp:txXfrm>
        <a:off x="17453" y="1461210"/>
        <a:ext cx="5689681" cy="322620"/>
      </dsp:txXfrm>
    </dsp:sp>
    <dsp:sp modelId="{82C9D2F5-4465-4422-A122-7E3527BD1B97}">
      <dsp:nvSpPr>
        <dsp:cNvPr id="0" name=""/>
        <dsp:cNvSpPr/>
      </dsp:nvSpPr>
      <dsp:spPr>
        <a:xfrm>
          <a:off x="0" y="1827204"/>
          <a:ext cx="5724587" cy="357526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900" kern="1200"/>
            <a:t>5. De som van de volgende onderdelen is &lt; 20% van totale beleggingen: </a:t>
          </a:r>
          <a:endParaRPr lang="en-NL" sz="900" kern="1200"/>
        </a:p>
      </dsp:txBody>
      <dsp:txXfrm>
        <a:off x="17453" y="1844657"/>
        <a:ext cx="5689681" cy="322620"/>
      </dsp:txXfrm>
    </dsp:sp>
    <dsp:sp modelId="{658B462F-602F-4A88-9780-4F0A2456672A}">
      <dsp:nvSpPr>
        <dsp:cNvPr id="0" name=""/>
        <dsp:cNvSpPr/>
      </dsp:nvSpPr>
      <dsp:spPr>
        <a:xfrm>
          <a:off x="0" y="2184730"/>
          <a:ext cx="5724587" cy="456435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81756" tIns="11430" rIns="64008" bIns="11430" numCol="1" spcCol="1270" anchor="t" anchorCtr="0">
          <a:noAutofit/>
        </a:bodyPr>
        <a:lstStyle/>
        <a:p>
          <a:pPr marL="57150" lvl="1" indent="-57150" algn="l" defTabSz="3111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nl-NL" sz="700" kern="1200"/>
            <a:t> De SCR markt  </a:t>
          </a:r>
          <a:endParaRPr lang="en-NL" sz="700" kern="1200"/>
        </a:p>
        <a:p>
          <a:pPr marL="57150" lvl="1" indent="-57150" algn="l" defTabSz="3111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nl-NL" sz="700" kern="1200"/>
            <a:t> De SCR tegenpartijkredietrisico </a:t>
          </a:r>
          <a:endParaRPr lang="en-NL" sz="700" kern="1200"/>
        </a:p>
        <a:p>
          <a:pPr marL="57150" lvl="1" indent="-57150" algn="l" defTabSz="311150">
            <a:lnSpc>
              <a:spcPct val="90000"/>
            </a:lnSpc>
            <a:spcBef>
              <a:spcPct val="0"/>
            </a:spcBef>
            <a:spcAft>
              <a:spcPct val="20000"/>
            </a:spcAft>
            <a:buChar char="•"/>
          </a:pPr>
          <a:r>
            <a:rPr lang="nl-NL" sz="700" kern="1200"/>
            <a:t> Elke kapitaaleis van toepassing wegens het aanhouden van immateriële activa niet gedekt in de marktrisico- en tegenpartijkredietrisico modules </a:t>
          </a:r>
          <a:endParaRPr lang="en-NL" sz="700" kern="1200"/>
        </a:p>
      </dsp:txBody>
      <dsp:txXfrm>
        <a:off x="0" y="2184730"/>
        <a:ext cx="5724587" cy="456435"/>
      </dsp:txXfrm>
    </dsp:sp>
    <dsp:sp modelId="{DC29C993-C54E-4459-9989-7E775DB03BC0}">
      <dsp:nvSpPr>
        <dsp:cNvPr id="0" name=""/>
        <dsp:cNvSpPr/>
      </dsp:nvSpPr>
      <dsp:spPr>
        <a:xfrm>
          <a:off x="0" y="2641165"/>
          <a:ext cx="5724587" cy="357526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900" kern="1200"/>
            <a:t>6. Inkomsten uit herverzekeringsactiviteiten &lt; 50% ontvangen bruto premie</a:t>
          </a:r>
        </a:p>
      </dsp:txBody>
      <dsp:txXfrm>
        <a:off x="17453" y="2658618"/>
        <a:ext cx="5689681" cy="322620"/>
      </dsp:txXfrm>
    </dsp:sp>
    <dsp:sp modelId="{C2335DD2-7287-4231-82C3-AE6EA1C36102}">
      <dsp:nvSpPr>
        <dsp:cNvPr id="0" name=""/>
        <dsp:cNvSpPr/>
      </dsp:nvSpPr>
      <dsp:spPr>
        <a:xfrm>
          <a:off x="0" y="3024612"/>
          <a:ext cx="5724587" cy="357526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l" defTabSz="4000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l-NL" sz="900" kern="1200"/>
            <a:t>7. SCR-ratio &gt; 100%</a:t>
          </a:r>
        </a:p>
      </dsp:txBody>
      <dsp:txXfrm>
        <a:off x="17453" y="3042065"/>
        <a:ext cx="5689681" cy="322620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9/3/layout/IncreasingArrowsProcess">
  <dgm:title val=""/>
  <dgm:desc val=""/>
  <dgm:catLst>
    <dgm:cat type="process" pri="5500"/>
  </dgm:catLst>
  <dgm:sampData>
    <dgm:dataModel>
      <dgm:ptLst>
        <dgm:pt modelId="0" type="doc"/>
        <dgm:pt modelId="10">
          <dgm:prSet phldr="1"/>
        </dgm:pt>
        <dgm:pt modelId="11">
          <dgm:prSet phldr="1"/>
        </dgm:pt>
        <dgm:pt modelId="20">
          <dgm:prSet phldr="1"/>
        </dgm:pt>
        <dgm:pt modelId="21">
          <dgm:prSet phldr="1"/>
        </dgm:pt>
        <dgm:pt modelId="30">
          <dgm:prSet phldr="1"/>
        </dgm:pt>
        <dgm:pt modelId="31">
          <dgm:prSet phldr="1"/>
        </dgm:pt>
      </dgm:ptLst>
      <dgm:cxnLst>
        <dgm:cxn modelId="40" srcId="0" destId="10" srcOrd="0" destOrd="0"/>
        <dgm:cxn modelId="12" srcId="10" destId="11" srcOrd="0" destOrd="0"/>
        <dgm:cxn modelId="50" srcId="0" destId="20" srcOrd="1" destOrd="0"/>
        <dgm:cxn modelId="22" srcId="20" destId="21" srcOrd="0" destOrd="0"/>
        <dgm:cxn modelId="60" srcId="0" destId="30" srcOrd="2" destOrd="0"/>
        <dgm:cxn modelId="32" srcId="30" destId="31" srcOrd="0" destOrd="0"/>
      </dgm:cxnLst>
      <dgm:bg/>
      <dgm:whole/>
    </dgm:dataModel>
  </dgm:sampData>
  <dgm:styleData>
    <dgm:dataModel>
      <dgm:ptLst>
        <dgm:pt modelId="0" type="doc"/>
        <dgm:pt modelId="10">
          <dgm:prSet phldr="1"/>
        </dgm:pt>
        <dgm:pt modelId="11">
          <dgm:prSet phldr="1"/>
        </dgm:pt>
        <dgm:pt modelId="20">
          <dgm:prSet phldr="1"/>
        </dgm:pt>
        <dgm:pt modelId="21">
          <dgm:prSet phldr="1"/>
        </dgm:pt>
      </dgm:ptLst>
      <dgm:cxnLst>
        <dgm:cxn modelId="40" srcId="0" destId="10" srcOrd="0" destOrd="0"/>
        <dgm:cxn modelId="12" srcId="10" destId="11" srcOrd="0" destOrd="0"/>
        <dgm:cxn modelId="50" srcId="0" destId="20" srcOrd="1" destOrd="0"/>
        <dgm:cxn modelId="22" srcId="20" destId="21" srcOrd="0" destOrd="0"/>
      </dgm:cxnLst>
      <dgm:bg/>
      <dgm:whole/>
    </dgm:dataModel>
  </dgm:styleData>
  <dgm:clrData>
    <dgm:dataModel>
      <dgm:ptLst>
        <dgm:pt modelId="0" type="doc"/>
        <dgm:pt modelId="10">
          <dgm:prSet phldr="1"/>
        </dgm:pt>
        <dgm:pt modelId="11">
          <dgm:prSet phldr="1"/>
        </dgm:pt>
        <dgm:pt modelId="20">
          <dgm:prSet phldr="1"/>
        </dgm:pt>
        <dgm:pt modelId="21">
          <dgm:prSet phldr="1"/>
        </dgm:pt>
        <dgm:pt modelId="30">
          <dgm:prSet phldr="1"/>
        </dgm:pt>
        <dgm:pt modelId="31">
          <dgm:prSet phldr="1"/>
        </dgm:pt>
      </dgm:ptLst>
      <dgm:cxnLst>
        <dgm:cxn modelId="40" srcId="0" destId="10" srcOrd="0" destOrd="0"/>
        <dgm:cxn modelId="12" srcId="10" destId="11" srcOrd="0" destOrd="0"/>
        <dgm:cxn modelId="50" srcId="0" destId="20" srcOrd="1" destOrd="0"/>
        <dgm:cxn modelId="22" srcId="20" destId="21" srcOrd="0" destOrd="0"/>
        <dgm:cxn modelId="60" srcId="0" destId="30" srcOrd="2" destOrd="0"/>
        <dgm:cxn modelId="32" srcId="30" destId="31" srcOrd="0" destOrd="0"/>
      </dgm:cxnLst>
      <dgm:bg/>
      <dgm:whole/>
    </dgm:dataModel>
  </dgm:clrData>
  <dgm:layoutNode name="Name0">
    <dgm:varLst>
      <dgm:chMax val="5"/>
      <dgm:chPref val="5"/>
      <dgm:dir/>
      <dgm:animLvl val="lvl"/>
    </dgm:varLst>
    <dgm:shape xmlns:r="http://schemas.openxmlformats.org/officeDocument/2006/relationships" r:blip="">
      <dgm:adjLst/>
    </dgm:shape>
    <dgm:choose name="Name1">
      <dgm:if name="Name2" axis="ch" ptType="node" func="cnt" op="equ" val="1">
        <dgm:choose name="Name3">
          <dgm:if name="Name4" axis="ch ch" ptType="node node" func="cnt" op="equ" val="0">
            <dgm:alg type="composite">
              <dgm:param type="ar" val="6.8662"/>
            </dgm:alg>
            <dgm:choose name="Name5">
              <dgm:if name="Name6" func="var" arg="dir" op="equ" val="norm">
                <dgm:constrLst>
                  <dgm:constr type="primFontSz" for="des" forName="parentText1" val="65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/>
                </dgm:constrLst>
              </dgm:if>
              <dgm:else name="Name7">
                <dgm:constrLst>
                  <dgm:constr type="primFontSz" for="des" forName="parentText1" val="65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/>
                </dgm:constrLst>
              </dgm:else>
            </dgm:choose>
          </dgm:if>
          <dgm:else name="Name8">
            <dgm:alg type="composite">
              <dgm:param type="ar" val="1.9864"/>
            </dgm:alg>
            <dgm:choose name="Name9">
              <dgm:if name="Name10" func="var" arg="dir" op="equ" val="norm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893"/>
                  <dgm:constr type="l" for="ch" forName="childText1" refType="w" fact="0"/>
                  <dgm:constr type="t" for="ch" forName="childText1" refType="h" fact="0.224"/>
                  <dgm:constr type="w" for="ch" forName="childText1" refType="w" fact="0.9241"/>
                  <dgm:constr type="h" for="ch" forName="childText1" refType="h" fact="0.776"/>
                </dgm:constrLst>
              </dgm:if>
              <dgm:else name="Name11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893"/>
                  <dgm:constr type="l" for="ch" forName="childText1" refType="w" fact="0.076"/>
                  <dgm:constr type="t" for="ch" forName="childText1" refType="h" fact="0.224"/>
                  <dgm:constr type="w" for="ch" forName="childText1" refType="w" fact="0.9241"/>
                  <dgm:constr type="h" for="ch" forName="childText1" refType="h" fact="0.776"/>
                </dgm:constrLst>
              </dgm:else>
            </dgm:choose>
          </dgm:else>
        </dgm:choose>
      </dgm:if>
      <dgm:if name="Name12" axis="ch" ptType="node" func="cnt" op="equ" val="2">
        <dgm:choose name="Name13">
          <dgm:if name="Name14" axis="ch ch" ptType="node node" func="cnt" op="equ" val="0">
            <dgm:alg type="composite">
              <dgm:param type="ar" val="5.1498"/>
            </dgm:alg>
            <dgm:choose name="Name15">
              <dgm:if name="Name16" func="var" arg="dir" op="equ" val="norm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7501"/>
                  <dgm:constr type="l" for="ch" forName="parentText2" refType="w" fact="0.462"/>
                  <dgm:constr type="t" for="ch" forName="parentText2" refType="h" fact="0.2499"/>
                  <dgm:constr type="w" for="ch" forName="parentText2" refType="w" fact="0.538"/>
                  <dgm:constr type="h" for="ch" forName="parentText2" refType="h" fact="0.7501"/>
                </dgm:constrLst>
              </dgm:if>
              <dgm:else name="Name17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7501"/>
                  <dgm:constr type="l" for="ch" forName="parentText2" refType="w" fact="0"/>
                  <dgm:constr type="t" for="ch" forName="parentText2" refType="h" fact="0.2499"/>
                  <dgm:constr type="w" for="ch" forName="parentText2" refType="w" fact="0.538"/>
                  <dgm:constr type="h" for="ch" forName="parentText2" refType="h" fact="0.7501"/>
                </dgm:constrLst>
              </dgm:else>
            </dgm:choose>
          </dgm:if>
          <dgm:else name="Name18">
            <dgm:alg type="composite">
              <dgm:param type="ar" val="2.0563"/>
            </dgm:alg>
            <dgm:choose name="Name19">
              <dgm:if name="Name20" func="var" arg="dir" op="equ" val="norm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parentText2" refType="primFontSz" refFor="des" refForName="parentText1" op="equ"/>
                  <dgm:constr type="primFontSz" for="des" forName="childText2" refType="primFontSz" refFor="des" refForName="child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995"/>
                  <dgm:constr type="l" for="ch" forName="parentText2" refType="w" fact="0.462"/>
                  <dgm:constr type="t" for="ch" forName="parentText2" refType="h" fact="0.0998"/>
                  <dgm:constr type="w" for="ch" forName="parentText2" refType="w" fact="0.538"/>
                  <dgm:constr type="h" for="ch" forName="parentText2" refType="h" fact="0.2995"/>
                  <dgm:constr type="l" for="ch" forName="childText1" refType="w" fact="0"/>
                  <dgm:constr type="t" for="ch" forName="childText1" refType="h" fact="0.2317"/>
                  <dgm:constr type="w" for="ch" forName="childText1" refType="w" fact="0.462"/>
                  <dgm:constr type="h" for="ch" forName="childText1" refType="h" fact="0.6685"/>
                  <dgm:constr type="l" for="ch" forName="childText2" refType="w" fact="0.462"/>
                  <dgm:constr type="t" for="ch" forName="childText2" refType="h" fact="0.3315"/>
                  <dgm:constr type="w" for="ch" forName="childText2" refType="w" fact="0.462"/>
                  <dgm:constr type="h" for="ch" forName="childText2" refType="h" fact="0.6685"/>
                </dgm:constrLst>
              </dgm:if>
              <dgm:else name="Name21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parentText2" refType="primFontSz" refFor="des" refForName="parentText1" op="equ"/>
                  <dgm:constr type="primFontSz" for="des" forName="childText2" refType="primFontSz" refFor="des" refForName="child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995"/>
                  <dgm:constr type="l" for="ch" forName="parentText2" refType="w" fact="0"/>
                  <dgm:constr type="t" for="ch" forName="parentText2" refType="h" fact="0.0998"/>
                  <dgm:constr type="w" for="ch" forName="parentText2" refType="w" fact="0.538"/>
                  <dgm:constr type="h" for="ch" forName="parentText2" refType="h" fact="0.2995"/>
                  <dgm:constr type="l" for="ch" forName="childText1" refType="w" fact="0.538"/>
                  <dgm:constr type="t" for="ch" forName="childText1" refType="h" fact="0.2317"/>
                  <dgm:constr type="w" for="ch" forName="childText1" refType="w" fact="0.462"/>
                  <dgm:constr type="h" for="ch" forName="childText1" refType="h" fact="0.6685"/>
                  <dgm:constr type="l" for="ch" forName="childText2" refType="w" fact="0.076"/>
                  <dgm:constr type="t" for="ch" forName="childText2" refType="h" fact="0.3315"/>
                  <dgm:constr type="w" for="ch" forName="childText2" refType="w" fact="0.462"/>
                  <dgm:constr type="h" for="ch" forName="childText2" refType="h" fact="0.6685"/>
                </dgm:constrLst>
              </dgm:else>
            </dgm:choose>
          </dgm:else>
        </dgm:choose>
      </dgm:if>
      <dgm:if name="Name22" axis="ch" ptType="node" func="cnt" op="equ" val="3">
        <dgm:choose name="Name23">
          <dgm:if name="Name24" axis="ch ch" ptType="node node" func="cnt" op="equ" val="0">
            <dgm:alg type="composite">
              <dgm:param type="ar" val="4.1198"/>
            </dgm:alg>
            <dgm:choose name="Name25">
              <dgm:if name="Name26" func="var" arg="dir" op="equ" val="norm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6"/>
                  <dgm:constr type="l" for="ch" forName="parentText2" refType="w" fact="0.308"/>
                  <dgm:constr type="t" for="ch" forName="parentText2" refType="h" fact="0.2"/>
                  <dgm:constr type="w" for="ch" forName="parentText2" refType="w" fact="0.692"/>
                  <dgm:constr type="h" for="ch" forName="parentText2" refType="h" fact="0.6"/>
                  <dgm:constr type="l" for="ch" forName="parentText3" refType="w" fact="0.616"/>
                  <dgm:constr type="t" for="ch" forName="parentText3" refType="h" fact="0.4"/>
                  <dgm:constr type="w" for="ch" forName="parentText3" refType="w" fact="0.384"/>
                  <dgm:constr type="h" for="ch" forName="parentText3" refType="h" fact="0.6"/>
                </dgm:constrLst>
              </dgm:if>
              <dgm:else name="Name27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6"/>
                  <dgm:constr type="l" for="ch" forName="parentText2" refType="w" fact="0"/>
                  <dgm:constr type="t" for="ch" forName="parentText2" refType="h" fact="0.2"/>
                  <dgm:constr type="w" for="ch" forName="parentText2" refType="w" fact="0.692"/>
                  <dgm:constr type="h" for="ch" forName="parentText2" refType="h" fact="0.6"/>
                  <dgm:constr type="l" for="ch" forName="parentText3" refType="w" fact="0"/>
                  <dgm:constr type="t" for="ch" forName="parentText3" refType="h" fact="0.4"/>
                  <dgm:constr type="w" for="ch" forName="parentText3" refType="w" fact="0.384"/>
                  <dgm:constr type="h" for="ch" forName="parentText3" refType="h" fact="0.6"/>
                </dgm:constrLst>
              </dgm:else>
            </dgm:choose>
          </dgm:if>
          <dgm:else name="Name28">
            <dgm:alg type="composite">
              <dgm:param type="ar" val="2.0702"/>
            </dgm:alg>
            <dgm:choose name="Name29">
              <dgm:if name="Name30" func="var" arg="dir" op="equ" val="norm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l" for="ch" forName="childText1" refType="w" fact="0"/>
                  <dgm:constr type="t" for="ch" forName="childText1" refType="h" fact="0.2325"/>
                  <dgm:constr type="w" for="ch" forName="childText1" refType="w" fact="0.308"/>
                  <dgm:constr type="h" for="ch" forName="childText1" refType="h" fact="0.5808"/>
                  <dgm:constr type="l" for="ch" forName="childText2" refType="w" fact="0.308"/>
                  <dgm:constr type="t" for="ch" forName="childText2" refType="h" fact="0.333"/>
                  <dgm:constr type="w" for="ch" forName="childText2" refType="w" fact="0.308"/>
                  <dgm:constr type="h" for="ch" forName="childText2" refType="h" fact="0.5808"/>
                  <dgm:constr type="l" for="ch" forName="childText3" refType="w" fact="0.616"/>
                  <dgm:constr type="t" for="ch" forName="childText3" refType="h" fact="0.4335"/>
                  <dgm:constr type="w" for="ch" forName="childText3" refType="w" fact="0.308"/>
                  <dgm:constr type="h" for="ch" forName="childText3" refType="h" fact="0.5723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3015"/>
                  <dgm:constr type="l" for="ch" forName="parentText2" refType="w" fact="0.308"/>
                  <dgm:constr type="t" for="ch" forName="parentText2" refType="h" fact="0.1005"/>
                  <dgm:constr type="w" for="ch" forName="parentText2" refType="w" fact="0.692"/>
                  <dgm:constr type="h" for="ch" forName="parentText2" refType="h" fact="0.3015"/>
                  <dgm:constr type="l" for="ch" forName="parentText3" refType="w" fact="0.616"/>
                  <dgm:constr type="t" for="ch" forName="parentText3" refType="h" fact="0.201"/>
                  <dgm:constr type="w" for="ch" forName="parentText3" refType="w" fact="0.384"/>
                  <dgm:constr type="h" for="ch" forName="parentText3" refType="h" fact="0.3015"/>
                </dgm:constrLst>
              </dgm:if>
              <dgm:else name="Name31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l" for="ch" forName="childText1" refType="w" fact="0.692"/>
                  <dgm:constr type="t" for="ch" forName="childText1" refType="h" fact="0.2325"/>
                  <dgm:constr type="w" for="ch" forName="childText1" refType="w" fact="0.308"/>
                  <dgm:constr type="h" for="ch" forName="childText1" refType="h" fact="0.5808"/>
                  <dgm:constr type="l" for="ch" forName="childText2" refType="w" fact="0.384"/>
                  <dgm:constr type="t" for="ch" forName="childText2" refType="h" fact="0.333"/>
                  <dgm:constr type="w" for="ch" forName="childText2" refType="w" fact="0.308"/>
                  <dgm:constr type="h" for="ch" forName="childText2" refType="h" fact="0.5808"/>
                  <dgm:constr type="l" for="ch" forName="childText3" refType="w" fact="0.076"/>
                  <dgm:constr type="t" for="ch" forName="childText3" refType="h" fact="0.4335"/>
                  <dgm:constr type="w" for="ch" forName="childText3" refType="w" fact="0.308"/>
                  <dgm:constr type="h" for="ch" forName="childText3" refType="h" fact="0.5723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3015"/>
                  <dgm:constr type="l" for="ch" forName="parentText2" refType="w" fact="0"/>
                  <dgm:constr type="t" for="ch" forName="parentText2" refType="h" fact="0.1005"/>
                  <dgm:constr type="w" for="ch" forName="parentText2" refType="w" fact="0.692"/>
                  <dgm:constr type="h" for="ch" forName="parentText2" refType="h" fact="0.3015"/>
                  <dgm:constr type="l" for="ch" forName="parentText3" refType="w" fact="0"/>
                  <dgm:constr type="t" for="ch" forName="parentText3" refType="h" fact="0.201"/>
                  <dgm:constr type="w" for="ch" forName="parentText3" refType="w" fact="0.384"/>
                  <dgm:constr type="h" for="ch" forName="parentText3" refType="h" fact="0.3015"/>
                </dgm:constrLst>
              </dgm:else>
            </dgm:choose>
          </dgm:else>
        </dgm:choose>
      </dgm:if>
      <dgm:if name="Name32" axis="ch" ptType="node" func="cnt" op="equ" val="4">
        <dgm:choose name="Name33">
          <dgm:if name="Name34" axis="ch ch" ptType="node node" func="cnt" op="equ" val="0">
            <dgm:alg type="composite">
              <dgm:param type="ar" val="3.435"/>
            </dgm:alg>
            <dgm:choose name="Name35">
              <dgm:if name="Name36" func="var" arg="dir" op="equ" val="norm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5001"/>
                  <dgm:constr type="l" for="ch" forName="parentText2" refType="w" fact="0.2305"/>
                  <dgm:constr type="t" for="ch" forName="parentText2" refType="h" fact="0.1666"/>
                  <dgm:constr type="w" for="ch" forName="parentText2" refType="w" fact="0.7695"/>
                  <dgm:constr type="h" for="ch" forName="parentText2" refType="h" fact="0.5001"/>
                  <dgm:constr type="l" for="ch" forName="parentText3" refType="w" fact="0.461"/>
                  <dgm:constr type="t" for="ch" forName="parentText3" refType="h" fact="0.3333"/>
                  <dgm:constr type="w" for="ch" forName="parentText3" refType="w" fact="0.539"/>
                  <dgm:constr type="h" for="ch" forName="parentText3" refType="h" fact="0.5001"/>
                  <dgm:constr type="l" for="ch" forName="parentText4" refType="w" fact="0.6915"/>
                  <dgm:constr type="t" for="ch" forName="parentText4" refType="h" fact="0.4999"/>
                  <dgm:constr type="w" for="ch" forName="parentText4" refType="w" fact="0.3085"/>
                  <dgm:constr type="h" for="ch" forName="parentText4" refType="h" fact="0.5001"/>
                </dgm:constrLst>
              </dgm:if>
              <dgm:else name="Name37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5001"/>
                  <dgm:constr type="l" for="ch" forName="parentText2" refType="w" fact="0"/>
                  <dgm:constr type="t" for="ch" forName="parentText2" refType="h" fact="0.1666"/>
                  <dgm:constr type="w" for="ch" forName="parentText2" refType="w" fact="0.7695"/>
                  <dgm:constr type="h" for="ch" forName="parentText2" refType="h" fact="0.5001"/>
                  <dgm:constr type="l" for="ch" forName="parentText3" refType="w" fact="0"/>
                  <dgm:constr type="t" for="ch" forName="parentText3" refType="h" fact="0.3333"/>
                  <dgm:constr type="w" for="ch" forName="parentText3" refType="w" fact="0.539"/>
                  <dgm:constr type="h" for="ch" forName="parentText3" refType="h" fact="0.5001"/>
                  <dgm:constr type="l" for="ch" forName="parentText4" refType="w" fact="0"/>
                  <dgm:constr type="t" for="ch" forName="parentText4" refType="h" fact="0.4999"/>
                  <dgm:constr type="w" for="ch" forName="parentText4" refType="w" fact="0.3085"/>
                  <dgm:constr type="h" for="ch" forName="parentText4" refType="h" fact="0.5001"/>
                </dgm:constrLst>
              </dgm:else>
            </dgm:choose>
          </dgm:if>
          <dgm:else name="Name38">
            <dgm:alg type="composite">
              <dgm:param type="ar" val="1.9377"/>
            </dgm:alg>
            <dgm:choose name="Name39">
              <dgm:if name="Name40" func="var" arg="dir" op="equ" val="norm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4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4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childText4" refType="primFontSz" refFor="des" refForName="parentText3" op="lte"/>
                  <dgm:constr type="primFontSz" for="des" forName="childText1" refType="primFontSz" refFor="des" refForName="parentText4" op="lte"/>
                  <dgm:constr type="primFontSz" for="des" forName="childText2" refType="primFontSz" refFor="des" refForName="parentText4" op="lte"/>
                  <dgm:constr type="primFontSz" for="des" forName="childText3" refType="primFontSz" refFor="des" refForName="parentText4" op="lte"/>
                  <dgm:constr type="primFontSz" for="des" forName="childText4" refType="primFontSz" refFor="des" refForName="parentText4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primFontSz" for="des" forName="childText4" refType="primFontSz" refFor="des" refForName="childText1" op="equ"/>
                  <dgm:constr type="l" for="ch" forName="childText1" refType="w" fact="0"/>
                  <dgm:constr type="t" for="ch" forName="childText1" refType="h" fact="0.218"/>
                  <dgm:constr type="w" for="ch" forName="childText1" refType="w" fact="0.2305"/>
                  <dgm:constr type="h" for="ch" forName="childText1" refType="h" fact="0.5218"/>
                  <dgm:constr type="l" for="ch" forName="childText2" refType="w" fact="0.2305"/>
                  <dgm:constr type="t" for="ch" forName="childText2" refType="h" fact="0.312"/>
                  <dgm:constr type="w" for="ch" forName="childText2" refType="w" fact="0.2305"/>
                  <dgm:constr type="h" for="ch" forName="childText2" refType="h" fact="0.5085"/>
                  <dgm:constr type="l" for="ch" forName="childText3" refType="w" fact="0.461"/>
                  <dgm:constr type="t" for="ch" forName="childText3" refType="h" fact="0.406"/>
                  <dgm:constr type="w" for="ch" forName="childText3" refType="w" fact="0.2305"/>
                  <dgm:constr type="h" for="ch" forName="childText3" refType="h" fact="0.5119"/>
                  <dgm:constr type="l" for="ch" forName="childText4" refType="w" fact="0.6915"/>
                  <dgm:constr type="t" for="ch" forName="childText4" refType="h" fact="0.5"/>
                  <dgm:constr type="w" for="ch" forName="childText4" refType="w" fact="0.2326"/>
                  <dgm:constr type="h" for="ch" forName="childText4" refType="h" fact="0.5179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821"/>
                  <dgm:constr type="l" for="ch" forName="parentText2" refType="w" fact="0.2305"/>
                  <dgm:constr type="t" for="ch" forName="parentText2" refType="h" fact="0.094"/>
                  <dgm:constr type="w" for="ch" forName="parentText2" refType="w" fact="0.7695"/>
                  <dgm:constr type="h" for="ch" forName="parentText2" refType="h" fact="0.2821"/>
                  <dgm:constr type="l" for="ch" forName="parentText3" refType="w" fact="0.461"/>
                  <dgm:constr type="t" for="ch" forName="parentText3" refType="h" fact="0.188"/>
                  <dgm:constr type="w" for="ch" forName="parentText3" refType="w" fact="0.539"/>
                  <dgm:constr type="h" for="ch" forName="parentText3" refType="h" fact="0.2821"/>
                  <dgm:constr type="l" for="ch" forName="parentText4" refType="w" fact="0.6915"/>
                  <dgm:constr type="t" for="ch" forName="parentText4" refType="h" fact="0.282"/>
                  <dgm:constr type="w" for="ch" forName="parentText4" refType="w" fact="0.3085"/>
                  <dgm:constr type="h" for="ch" forName="parentText4" refType="h" fact="0.2821"/>
                </dgm:constrLst>
              </dgm:if>
              <dgm:else name="Name41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4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4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childText4" refType="primFontSz" refFor="des" refForName="parentText3" op="lte"/>
                  <dgm:constr type="primFontSz" for="des" forName="childText1" refType="primFontSz" refFor="des" refForName="parentText4" op="lte"/>
                  <dgm:constr type="primFontSz" for="des" forName="childText2" refType="primFontSz" refFor="des" refForName="parentText4" op="lte"/>
                  <dgm:constr type="primFontSz" for="des" forName="childText3" refType="primFontSz" refFor="des" refForName="parentText4" op="lte"/>
                  <dgm:constr type="primFontSz" for="des" forName="childText4" refType="primFontSz" refFor="des" refForName="parentText4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primFontSz" for="des" forName="childText4" refType="primFontSz" refFor="des" refForName="childText1" op="equ"/>
                  <dgm:constr type="l" for="ch" forName="childText1" refType="w" fact="0.7695"/>
                  <dgm:constr type="t" for="ch" forName="childText1" refType="h" fact="0.218"/>
                  <dgm:constr type="w" for="ch" forName="childText1" refType="w" fact="0.2305"/>
                  <dgm:constr type="h" for="ch" forName="childText1" refType="h" fact="0.5218"/>
                  <dgm:constr type="l" for="ch" forName="childText2" refType="w" fact="0.539"/>
                  <dgm:constr type="t" for="ch" forName="childText2" refType="h" fact="0.312"/>
                  <dgm:constr type="w" for="ch" forName="childText2" refType="w" fact="0.2305"/>
                  <dgm:constr type="h" for="ch" forName="childText2" refType="h" fact="0.5085"/>
                  <dgm:constr type="l" for="ch" forName="childText3" refType="w" fact="0.3085"/>
                  <dgm:constr type="t" for="ch" forName="childText3" refType="h" fact="0.406"/>
                  <dgm:constr type="w" for="ch" forName="childText3" refType="w" fact="0.2305"/>
                  <dgm:constr type="h" for="ch" forName="childText3" refType="h" fact="0.5119"/>
                  <dgm:constr type="l" for="ch" forName="childText4" refType="w" fact="0.076"/>
                  <dgm:constr type="t" for="ch" forName="childText4" refType="h" fact="0.5"/>
                  <dgm:constr type="w" for="ch" forName="childText4" refType="w" fact="0.2346"/>
                  <dgm:constr type="h" for="ch" forName="childText4" refType="h" fact="0.5179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821"/>
                  <dgm:constr type="l" for="ch" forName="parentText2" refType="w" fact="0"/>
                  <dgm:constr type="t" for="ch" forName="parentText2" refType="h" fact="0.094"/>
                  <dgm:constr type="w" for="ch" forName="parentText2" refType="w" fact="0.7695"/>
                  <dgm:constr type="h" for="ch" forName="parentText2" refType="h" fact="0.2821"/>
                  <dgm:constr type="l" for="ch" forName="parentText3" refType="w" fact="0"/>
                  <dgm:constr type="t" for="ch" forName="parentText3" refType="h" fact="0.188"/>
                  <dgm:constr type="w" for="ch" forName="parentText3" refType="w" fact="0.539"/>
                  <dgm:constr type="h" for="ch" forName="parentText3" refType="h" fact="0.2821"/>
                  <dgm:constr type="l" for="ch" forName="parentText4" refType="w" fact="0"/>
                  <dgm:constr type="t" for="ch" forName="parentText4" refType="h" fact="0.282"/>
                  <dgm:constr type="w" for="ch" forName="parentText4" refType="w" fact="0.3085"/>
                  <dgm:constr type="h" for="ch" forName="parentText4" refType="h" fact="0.2821"/>
                </dgm:constrLst>
              </dgm:else>
            </dgm:choose>
          </dgm:else>
        </dgm:choose>
      </dgm:if>
      <dgm:else name="Name42">
        <dgm:choose name="Name43">
          <dgm:if name="Name44" axis="ch ch" ptType="node node" func="cnt" op="equ" val="0">
            <dgm:alg type="composite">
              <dgm:param type="ar" val="2.9463"/>
            </dgm:alg>
            <dgm:choose name="Name45">
              <dgm:if name="Name46" func="var" arg="dir" op="equ" val="norm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parentText5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4285"/>
                  <dgm:constr type="l" for="ch" forName="parentText2" refType="w" fact="0.1848"/>
                  <dgm:constr type="t" for="ch" forName="parentText2" refType="h" fact="0.1429"/>
                  <dgm:constr type="w" for="ch" forName="parentText2" refType="w" fact="0.8152"/>
                  <dgm:constr type="h" for="ch" forName="parentText2" refType="h" fact="0.4285"/>
                  <dgm:constr type="l" for="ch" forName="parentText3" refType="w" fact="0.3696"/>
                  <dgm:constr type="t" for="ch" forName="parentText3" refType="h" fact="0.2858"/>
                  <dgm:constr type="w" for="ch" forName="parentText3" refType="w" fact="0.6304"/>
                  <dgm:constr type="h" for="ch" forName="parentText3" refType="h" fact="0.4285"/>
                  <dgm:constr type="l" for="ch" forName="parentText4" refType="w" fact="0.5545"/>
                  <dgm:constr type="t" for="ch" forName="parentText4" refType="h" fact="0.4286"/>
                  <dgm:constr type="w" for="ch" forName="parentText4" refType="w" fact="0.4455"/>
                  <dgm:constr type="h" for="ch" forName="parentText4" refType="h" fact="0.4285"/>
                  <dgm:constr type="l" for="ch" forName="parentText5" refType="w" fact="0.7393"/>
                  <dgm:constr type="t" for="ch" forName="parentText5" refType="h" fact="0.5715"/>
                  <dgm:constr type="w" for="ch" forName="parentText5" refType="w" fact="0.2607"/>
                  <dgm:constr type="h" for="ch" forName="parentText5" refType="h" fact="0.4285"/>
                </dgm:constrLst>
              </dgm:if>
              <dgm:else name="Name47">
                <dgm:constrLst>
                  <dgm:constr type="primFontSz" for="des" forName="parentText1" val="65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parentText5" refType="primFontSz" refFor="des" refForName="parentText1" op="equ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4285"/>
                  <dgm:constr type="l" for="ch" forName="parentText2" refType="w" fact="0"/>
                  <dgm:constr type="t" for="ch" forName="parentText2" refType="h" fact="0.1429"/>
                  <dgm:constr type="w" for="ch" forName="parentText2" refType="w" fact="0.8152"/>
                  <dgm:constr type="h" for="ch" forName="parentText2" refType="h" fact="0.4285"/>
                  <dgm:constr type="l" for="ch" forName="parentText3" refType="w" fact="0"/>
                  <dgm:constr type="t" for="ch" forName="parentText3" refType="h" fact="0.2858"/>
                  <dgm:constr type="w" for="ch" forName="parentText3" refType="w" fact="0.6304"/>
                  <dgm:constr type="h" for="ch" forName="parentText3" refType="h" fact="0.4285"/>
                  <dgm:constr type="l" for="ch" forName="parentText4" refType="w" fact="0"/>
                  <dgm:constr type="t" for="ch" forName="parentText4" refType="h" fact="0.4286"/>
                  <dgm:constr type="w" for="ch" forName="parentText4" refType="w" fact="0.4455"/>
                  <dgm:constr type="h" for="ch" forName="parentText4" refType="h" fact="0.4285"/>
                  <dgm:constr type="l" for="ch" forName="parentText5" refType="w" fact="0"/>
                  <dgm:constr type="t" for="ch" forName="parentText5" refType="h" fact="0.5715"/>
                  <dgm:constr type="w" for="ch" forName="parentText5" refType="w" fact="0.2607"/>
                  <dgm:constr type="h" for="ch" forName="parentText5" refType="h" fact="0.4285"/>
                </dgm:constrLst>
              </dgm:else>
            </dgm:choose>
          </dgm:if>
          <dgm:else name="Name48">
            <dgm:alg type="composite">
              <dgm:param type="ar" val="1.7837"/>
            </dgm:alg>
            <dgm:choose name="Name49">
              <dgm:if name="Name50" func="var" arg="dir" op="equ" val="norm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4" refType="primFontSz" refFor="des" refForName="parentText1" op="lte"/>
                  <dgm:constr type="primFontSz" for="des" forName="childText5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4" refType="primFontSz" refFor="des" refForName="parentText2" op="lte"/>
                  <dgm:constr type="primFontSz" for="des" forName="childText5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childText4" refType="primFontSz" refFor="des" refForName="parentText3" op="lte"/>
                  <dgm:constr type="primFontSz" for="des" forName="childText5" refType="primFontSz" refFor="des" refForName="parentText3" op="lte"/>
                  <dgm:constr type="primFontSz" for="des" forName="childText1" refType="primFontSz" refFor="des" refForName="parentText4" op="lte"/>
                  <dgm:constr type="primFontSz" for="des" forName="childText2" refType="primFontSz" refFor="des" refForName="parentText4" op="lte"/>
                  <dgm:constr type="primFontSz" for="des" forName="childText3" refType="primFontSz" refFor="des" refForName="parentText4" op="lte"/>
                  <dgm:constr type="primFontSz" for="des" forName="childText4" refType="primFontSz" refFor="des" refForName="parentText4" op="lte"/>
                  <dgm:constr type="primFontSz" for="des" forName="childText5" refType="primFontSz" refFor="des" refForName="parentText4" op="lte"/>
                  <dgm:constr type="primFontSz" for="des" forName="childText1" refType="primFontSz" refFor="des" refForName="parentText5" op="lte"/>
                  <dgm:constr type="primFontSz" for="des" forName="childText2" refType="primFontSz" refFor="des" refForName="parentText5" op="lte"/>
                  <dgm:constr type="primFontSz" for="des" forName="childText3" refType="primFontSz" refFor="des" refForName="parentText5" op="lte"/>
                  <dgm:constr type="primFontSz" for="des" forName="childText4" refType="primFontSz" refFor="des" refForName="parentText5" op="lte"/>
                  <dgm:constr type="primFontSz" for="des" forName="childText5" refType="primFontSz" refFor="des" refForName="parentText5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parentText5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primFontSz" for="des" forName="childText4" refType="primFontSz" refFor="des" refForName="childText1" op="equ"/>
                  <dgm:constr type="primFontSz" for="des" forName="childText5" refType="primFontSz" refFor="des" refForName="childText1" op="equ"/>
                  <dgm:constr type="l" for="ch" forName="childText1" refType="w" fact="0"/>
                  <dgm:constr type="t" for="ch" forName="childText1" refType="h" fact="0.1997"/>
                  <dgm:constr type="w" for="ch" forName="childText1" refType="w" fact="0.18482"/>
                  <dgm:constr type="h" for="ch" forName="childText1" refType="h" fact="0.4763"/>
                  <dgm:constr type="l" for="ch" forName="childText2" refType="w" fact="0.1848"/>
                  <dgm:constr type="t" for="ch" forName="childText2" refType="h" fact="0.2862"/>
                  <dgm:constr type="w" for="ch" forName="childText2" refType="w" fact="0.18482"/>
                  <dgm:constr type="h" for="ch" forName="childText2" refType="h" fact="0.4763"/>
                  <dgm:constr type="l" for="ch" forName="childText3" refType="w" fact="0.3696"/>
                  <dgm:constr type="t" for="ch" forName="childText3" refType="h" fact="0.3727"/>
                  <dgm:constr type="w" for="ch" forName="childText3" refType="w" fact="0.18482"/>
                  <dgm:constr type="h" for="ch" forName="childText3" refType="h" fact="0.4763"/>
                  <dgm:constr type="l" for="ch" forName="childText4" refType="w" fact="0.5545"/>
                  <dgm:constr type="t" for="ch" forName="childText4" refType="h" fact="0.4592"/>
                  <dgm:constr type="w" for="ch" forName="childText4" refType="w" fact="0.18482"/>
                  <dgm:constr type="h" for="ch" forName="childText4" refType="h" fact="0.4763"/>
                  <dgm:constr type="l" for="ch" forName="childText5" refType="w" fact="0.7393"/>
                  <dgm:constr type="t" for="ch" forName="childText5" refType="h" fact="0.5457"/>
                  <dgm:constr type="w" for="ch" forName="childText5" refType="w" fact="0.18482"/>
                  <dgm:constr type="h" for="ch" forName="childText5" refType="h" fact="0.4763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594"/>
                  <dgm:constr type="l" for="ch" forName="parentText2" refType="w" fact="0.1848"/>
                  <dgm:constr type="t" for="ch" forName="parentText2" refType="h" fact="0.0865"/>
                  <dgm:constr type="w" for="ch" forName="parentText2" refType="w" fact="0.8152"/>
                  <dgm:constr type="h" for="ch" forName="parentText2" refType="h" fact="0.2594"/>
                  <dgm:constr type="l" for="ch" forName="parentText3" refType="w" fact="0.3696"/>
                  <dgm:constr type="t" for="ch" forName="parentText3" refType="h" fact="0.173"/>
                  <dgm:constr type="w" for="ch" forName="parentText3" refType="w" fact="0.6304"/>
                  <dgm:constr type="h" for="ch" forName="parentText3" refType="h" fact="0.2594"/>
                  <dgm:constr type="l" for="ch" forName="parentText4" refType="w" fact="0.5545"/>
                  <dgm:constr type="t" for="ch" forName="parentText4" refType="h" fact="0.2595"/>
                  <dgm:constr type="w" for="ch" forName="parentText4" refType="w" fact="0.4455"/>
                  <dgm:constr type="h" for="ch" forName="parentText4" refType="h" fact="0.2594"/>
                  <dgm:constr type="l" for="ch" forName="parentText5" refType="w" fact="0.7393"/>
                  <dgm:constr type="t" for="ch" forName="parentText5" refType="h" fact="0.346"/>
                  <dgm:constr type="w" for="ch" forName="parentText5" refType="w" fact="0.2607"/>
                  <dgm:constr type="h" for="ch" forName="parentText5" refType="h" fact="0.2594"/>
                </dgm:constrLst>
              </dgm:if>
              <dgm:else name="Name51">
                <dgm:constrLst>
                  <dgm:constr type="primFontSz" for="des" forName="childText1" val="65"/>
                  <dgm:constr type="primFontSz" for="des" forName="parentText1" val="65"/>
                  <dgm:constr type="primFontSz" for="des" forName="childText1" refType="primFontSz" refFor="des" refForName="parentText1" op="lte"/>
                  <dgm:constr type="primFontSz" for="des" forName="childText2" refType="primFontSz" refFor="des" refForName="parentText1" op="lte"/>
                  <dgm:constr type="primFontSz" for="des" forName="childText3" refType="primFontSz" refFor="des" refForName="parentText1" op="lte"/>
                  <dgm:constr type="primFontSz" for="des" forName="childText4" refType="primFontSz" refFor="des" refForName="parentText1" op="lte"/>
                  <dgm:constr type="primFontSz" for="des" forName="childText5" refType="primFontSz" refFor="des" refForName="parentText1" op="lte"/>
                  <dgm:constr type="primFontSz" for="des" forName="childText1" refType="primFontSz" refFor="des" refForName="parentText2" op="lte"/>
                  <dgm:constr type="primFontSz" for="des" forName="childText2" refType="primFontSz" refFor="des" refForName="parentText2" op="lte"/>
                  <dgm:constr type="primFontSz" for="des" forName="childText3" refType="primFontSz" refFor="des" refForName="parentText2" op="lte"/>
                  <dgm:constr type="primFontSz" for="des" forName="childText4" refType="primFontSz" refFor="des" refForName="parentText2" op="lte"/>
                  <dgm:constr type="primFontSz" for="des" forName="childText5" refType="primFontSz" refFor="des" refForName="parentText2" op="lte"/>
                  <dgm:constr type="primFontSz" for="des" forName="childText1" refType="primFontSz" refFor="des" refForName="parentText3" op="lte"/>
                  <dgm:constr type="primFontSz" for="des" forName="childText2" refType="primFontSz" refFor="des" refForName="parentText3" op="lte"/>
                  <dgm:constr type="primFontSz" for="des" forName="childText3" refType="primFontSz" refFor="des" refForName="parentText3" op="lte"/>
                  <dgm:constr type="primFontSz" for="des" forName="childText4" refType="primFontSz" refFor="des" refForName="parentText3" op="lte"/>
                  <dgm:constr type="primFontSz" for="des" forName="childText5" refType="primFontSz" refFor="des" refForName="parentText3" op="lte"/>
                  <dgm:constr type="primFontSz" for="des" forName="childText1" refType="primFontSz" refFor="des" refForName="parentText4" op="lte"/>
                  <dgm:constr type="primFontSz" for="des" forName="childText2" refType="primFontSz" refFor="des" refForName="parentText4" op="lte"/>
                  <dgm:constr type="primFontSz" for="des" forName="childText3" refType="primFontSz" refFor="des" refForName="parentText4" op="lte"/>
                  <dgm:constr type="primFontSz" for="des" forName="childText4" refType="primFontSz" refFor="des" refForName="parentText4" op="lte"/>
                  <dgm:constr type="primFontSz" for="des" forName="childText5" refType="primFontSz" refFor="des" refForName="parentText4" op="lte"/>
                  <dgm:constr type="primFontSz" for="des" forName="childText1" refType="primFontSz" refFor="des" refForName="parentText5" op="lte"/>
                  <dgm:constr type="primFontSz" for="des" forName="childText2" refType="primFontSz" refFor="des" refForName="parentText5" op="lte"/>
                  <dgm:constr type="primFontSz" for="des" forName="childText3" refType="primFontSz" refFor="des" refForName="parentText5" op="lte"/>
                  <dgm:constr type="primFontSz" for="des" forName="childText4" refType="primFontSz" refFor="des" refForName="parentText5" op="lte"/>
                  <dgm:constr type="primFontSz" for="des" forName="childText5" refType="primFontSz" refFor="des" refForName="parentText5" op="lte"/>
                  <dgm:constr type="primFontSz" for="des" forName="parentText2" refType="primFontSz" refFor="des" refForName="parentText1" op="equ"/>
                  <dgm:constr type="primFontSz" for="des" forName="parentText3" refType="primFontSz" refFor="des" refForName="parentText1" op="equ"/>
                  <dgm:constr type="primFontSz" for="des" forName="parentText4" refType="primFontSz" refFor="des" refForName="parentText1" op="equ"/>
                  <dgm:constr type="primFontSz" for="des" forName="parentText5" refType="primFontSz" refFor="des" refForName="parentText1" op="equ"/>
                  <dgm:constr type="primFontSz" for="des" forName="childText2" refType="primFontSz" refFor="des" refForName="childText1" op="equ"/>
                  <dgm:constr type="primFontSz" for="des" forName="childText3" refType="primFontSz" refFor="des" refForName="childText1" op="equ"/>
                  <dgm:constr type="primFontSz" for="des" forName="childText4" refType="primFontSz" refFor="des" refForName="childText1" op="equ"/>
                  <dgm:constr type="primFontSz" for="des" forName="childText5" refType="primFontSz" refFor="des" refForName="childText1" op="equ"/>
                  <dgm:constr type="l" for="ch" forName="childText1" refType="w" fact="0.81518"/>
                  <dgm:constr type="t" for="ch" forName="childText1" refType="h" fact="0.1997"/>
                  <dgm:constr type="w" for="ch" forName="childText1" refType="w" fact="0.18482"/>
                  <dgm:constr type="h" for="ch" forName="childText1" refType="h" fact="0.4763"/>
                  <dgm:constr type="l" for="ch" forName="childText2" refType="w" fact="0.63036"/>
                  <dgm:constr type="t" for="ch" forName="childText2" refType="h" fact="0.2862"/>
                  <dgm:constr type="w" for="ch" forName="childText2" refType="w" fact="0.18482"/>
                  <dgm:constr type="h" for="ch" forName="childText2" refType="h" fact="0.4763"/>
                  <dgm:constr type="l" for="ch" forName="childText3" refType="w" fact="0.44554"/>
                  <dgm:constr type="t" for="ch" forName="childText3" refType="h" fact="0.3727"/>
                  <dgm:constr type="w" for="ch" forName="childText3" refType="w" fact="0.18482"/>
                  <dgm:constr type="h" for="ch" forName="childText3" refType="h" fact="0.4763"/>
                  <dgm:constr type="l" for="ch" forName="childText4" refType="w" fact="0.26072"/>
                  <dgm:constr type="t" for="ch" forName="childText4" refType="h" fact="0.4592"/>
                  <dgm:constr type="w" for="ch" forName="childText4" refType="w" fact="0.18482"/>
                  <dgm:constr type="h" for="ch" forName="childText4" refType="h" fact="0.4763"/>
                  <dgm:constr type="l" for="ch" forName="childText5" refType="w" fact="0.0759"/>
                  <dgm:constr type="t" for="ch" forName="childText5" refType="h" fact="0.5457"/>
                  <dgm:constr type="w" for="ch" forName="childText5" refType="w" fact="0.18482"/>
                  <dgm:constr type="h" for="ch" forName="childText5" refType="h" fact="0.4763"/>
                  <dgm:constr type="l" for="ch" forName="parentText1" refType="w" fact="0"/>
                  <dgm:constr type="t" for="ch" forName="parentText1" refType="h" fact="0"/>
                  <dgm:constr type="w" for="ch" forName="parentText1" refType="w"/>
                  <dgm:constr type="h" for="ch" forName="parentText1" refType="h" fact="0.2594"/>
                  <dgm:constr type="l" for="ch" forName="parentText2" refType="w" fact="0"/>
                  <dgm:constr type="t" for="ch" forName="parentText2" refType="h" fact="0.0865"/>
                  <dgm:constr type="w" for="ch" forName="parentText2" refType="w" fact="0.8152"/>
                  <dgm:constr type="h" for="ch" forName="parentText2" refType="h" fact="0.2594"/>
                  <dgm:constr type="l" for="ch" forName="parentText3" refType="w" fact="0"/>
                  <dgm:constr type="t" for="ch" forName="parentText3" refType="h" fact="0.173"/>
                  <dgm:constr type="w" for="ch" forName="parentText3" refType="w" fact="0.6304"/>
                  <dgm:constr type="h" for="ch" forName="parentText3" refType="h" fact="0.2594"/>
                  <dgm:constr type="l" for="ch" forName="parentText4" refType="w" fact="0"/>
                  <dgm:constr type="t" for="ch" forName="parentText4" refType="h" fact="0.2595"/>
                  <dgm:constr type="w" for="ch" forName="parentText4" refType="w" fact="0.4455"/>
                  <dgm:constr type="h" for="ch" forName="parentText4" refType="h" fact="0.2594"/>
                  <dgm:constr type="l" for="ch" forName="parentText5" refType="w" fact="0"/>
                  <dgm:constr type="t" for="ch" forName="parentText5" refType="h" fact="0.346"/>
                  <dgm:constr type="w" for="ch" forName="parentText5" refType="w" fact="0.2607"/>
                  <dgm:constr type="h" for="ch" forName="parentText5" refType="h" fact="0.2594"/>
                </dgm:constrLst>
              </dgm:else>
            </dgm:choose>
          </dgm:else>
        </dgm:choose>
      </dgm:else>
    </dgm:choose>
    <dgm:forEach name="Name52" axis="ch" ptType="node" cnt="1">
      <dgm:layoutNode name="parentText1" styleLbl="node1">
        <dgm:varLst>
          <dgm:chMax/>
          <dgm:chPref val="3"/>
          <dgm:bulletEnabled val="1"/>
        </dgm:varLst>
        <dgm:choose name="Name53">
          <dgm:if name="Name54" func="var" arg="dir" op="equ" val="norm">
            <dgm:alg type="tx">
              <dgm:param type="parTxLTRAlign" val="l"/>
            </dgm:alg>
            <dgm:shape xmlns:r="http://schemas.openxmlformats.org/officeDocument/2006/relationships" type="rightArrow" r:blip="">
              <dgm:adjLst>
                <dgm:adj idx="1" val="0.5"/>
                <dgm:adj idx="2" val="0.5"/>
              </dgm:adjLst>
            </dgm:shape>
            <dgm:constrLst>
              <dgm:constr type="lMarg" refType="primFontSz" fact="0.3"/>
              <dgm:constr type="rMarg" val="20"/>
              <dgm:constr type="tMarg" refType="primFontSz" fact="0.3"/>
              <dgm:constr type="bMarg" refType="h" fact="0.45"/>
            </dgm:constrLst>
          </dgm:if>
          <dgm:else name="Name55">
            <dgm:alg type="tx">
              <dgm:param type="parTxLTRAlign" val="r"/>
            </dgm:alg>
            <dgm:shape xmlns:r="http://schemas.openxmlformats.org/officeDocument/2006/relationships" type="leftArrow" r:blip="">
              <dgm:adjLst>
                <dgm:adj idx="1" val="0.5"/>
                <dgm:adj idx="2" val="0.5"/>
              </dgm:adjLst>
            </dgm:shape>
            <dgm:constrLst>
              <dgm:constr type="lMarg" val="20"/>
              <dgm:constr type="rMarg" refType="primFontSz" fact="0.3"/>
              <dgm:constr type="tMarg" refType="primFontSz" fact="0.3"/>
              <dgm:constr type="bMarg" refType="h" fact="0.45"/>
            </dgm:constrLst>
          </dgm:else>
        </dgm:choose>
        <dgm:presOf axis="self" ptType="node"/>
        <dgm:ruleLst>
          <dgm:rule type="primFontSz" val="5" fact="NaN" max="NaN"/>
        </dgm:ruleLst>
      </dgm:layoutNode>
      <dgm:choose name="Name56">
        <dgm:if name="Name57" axis="ch" ptType="node" func="cnt" op="gte" val="1">
          <dgm:layoutNode name="childText1" styleLbl="solidAlignAcc1">
            <dgm:varLst>
              <dgm:chMax val="0"/>
              <dgm:chPref val="0"/>
              <dgm:bulletEnabled val="1"/>
            </dgm:varLst>
            <dgm:alg type="tx">
              <dgm:param type="txAnchorVert" val="t"/>
              <dgm:param type="parTxLTRAlign" val="l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58"/>
      </dgm:choose>
    </dgm:forEach>
    <dgm:forEach name="Name59" axis="ch" ptType="node" st="2" cnt="1">
      <dgm:layoutNode name="parentText2" styleLbl="node1">
        <dgm:varLst>
          <dgm:chMax/>
          <dgm:chPref val="3"/>
          <dgm:bulletEnabled val="1"/>
        </dgm:varLst>
        <dgm:choose name="Name60">
          <dgm:if name="Name61" func="var" arg="dir" op="equ" val="norm">
            <dgm:alg type="tx">
              <dgm:param type="parTxLTRAlign" val="l"/>
            </dgm:alg>
            <dgm:shape xmlns:r="http://schemas.openxmlformats.org/officeDocument/2006/relationships" type="rightArrow" r:blip="">
              <dgm:adjLst>
                <dgm:adj idx="1" val="0.5"/>
                <dgm:adj idx="2" val="0.5"/>
              </dgm:adjLst>
            </dgm:shape>
            <dgm:constrLst>
              <dgm:constr type="lMarg" refType="primFontSz" fact="0.3"/>
              <dgm:constr type="rMarg" val="20"/>
              <dgm:constr type="tMarg" refType="primFontSz" fact="0.3"/>
              <dgm:constr type="bMarg" refType="h" fact="0.45"/>
            </dgm:constrLst>
          </dgm:if>
          <dgm:else name="Name62">
            <dgm:alg type="tx">
              <dgm:param type="parTxLTRAlign" val="r"/>
            </dgm:alg>
            <dgm:shape xmlns:r="http://schemas.openxmlformats.org/officeDocument/2006/relationships" type="leftArrow" r:blip="">
              <dgm:adjLst>
                <dgm:adj idx="1" val="0.5"/>
                <dgm:adj idx="2" val="0.5"/>
              </dgm:adjLst>
            </dgm:shape>
            <dgm:constrLst>
              <dgm:constr type="lMarg" val="20"/>
              <dgm:constr type="rMarg" refType="primFontSz" fact="0.3"/>
              <dgm:constr type="tMarg" refType="primFontSz" fact="0.3"/>
              <dgm:constr type="bMarg" refType="h" fact="0.45"/>
            </dgm:constrLst>
          </dgm:else>
        </dgm:choose>
        <dgm:presOf axis="self" ptType="node"/>
        <dgm:ruleLst>
          <dgm:rule type="primFontSz" val="5" fact="NaN" max="NaN"/>
        </dgm:ruleLst>
      </dgm:layoutNode>
      <dgm:choose name="Name63">
        <dgm:if name="Name64" axis="ch" ptType="node" func="cnt" op="gte" val="1">
          <dgm:layoutNode name="childText2" styleLbl="solidAlignAcc1">
            <dgm:varLst>
              <dgm:chMax val="0"/>
              <dgm:chPref val="0"/>
              <dgm:bulletEnabled val="1"/>
            </dgm:varLst>
            <dgm:alg type="tx">
              <dgm:param type="txAnchorVert" val="t"/>
              <dgm:param type="parTxLTRAlign" val="l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65"/>
      </dgm:choose>
    </dgm:forEach>
    <dgm:forEach name="Name66" axis="ch" ptType="node" st="3" cnt="1">
      <dgm:layoutNode name="parentText3" styleLbl="node1">
        <dgm:varLst>
          <dgm:chMax/>
          <dgm:chPref val="3"/>
          <dgm:bulletEnabled val="1"/>
        </dgm:varLst>
        <dgm:choose name="Name67">
          <dgm:if name="Name68" func="var" arg="dir" op="equ" val="norm">
            <dgm:alg type="tx">
              <dgm:param type="parTxLTRAlign" val="l"/>
            </dgm:alg>
            <dgm:shape xmlns:r="http://schemas.openxmlformats.org/officeDocument/2006/relationships" type="rightArrow" r:blip="">
              <dgm:adjLst>
                <dgm:adj idx="1" val="0.5"/>
                <dgm:adj idx="2" val="0.5"/>
              </dgm:adjLst>
            </dgm:shape>
            <dgm:constrLst>
              <dgm:constr type="lMarg" refType="primFontSz" fact="0.3"/>
              <dgm:constr type="rMarg" val="20"/>
              <dgm:constr type="tMarg" refType="primFontSz" fact="0.3"/>
              <dgm:constr type="bMarg" refType="h" fact="0.45"/>
            </dgm:constrLst>
          </dgm:if>
          <dgm:else name="Name69">
            <dgm:alg type="tx">
              <dgm:param type="parTxLTRAlign" val="r"/>
            </dgm:alg>
            <dgm:shape xmlns:r="http://schemas.openxmlformats.org/officeDocument/2006/relationships" type="leftArrow" r:blip="">
              <dgm:adjLst>
                <dgm:adj idx="1" val="0.5"/>
                <dgm:adj idx="2" val="0.5"/>
              </dgm:adjLst>
            </dgm:shape>
            <dgm:constrLst>
              <dgm:constr type="lMarg" val="20"/>
              <dgm:constr type="rMarg" refType="primFontSz" fact="0.3"/>
              <dgm:constr type="tMarg" refType="primFontSz" fact="0.3"/>
              <dgm:constr type="bMarg" refType="h" fact="0.45"/>
            </dgm:constrLst>
          </dgm:else>
        </dgm:choose>
        <dgm:presOf axis="self" ptType="node"/>
        <dgm:ruleLst>
          <dgm:rule type="primFontSz" val="5" fact="NaN" max="NaN"/>
        </dgm:ruleLst>
      </dgm:layoutNode>
      <dgm:choose name="Name70">
        <dgm:if name="Name71" axis="ch" ptType="node" func="cnt" op="gte" val="1">
          <dgm:layoutNode name="childText3" styleLbl="solidAlignAcc1">
            <dgm:varLst>
              <dgm:chMax val="0"/>
              <dgm:chPref val="0"/>
              <dgm:bulletEnabled val="1"/>
            </dgm:varLst>
            <dgm:alg type="tx">
              <dgm:param type="txAnchorVert" val="t"/>
              <dgm:param type="parTxLTRAlign" val="l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72"/>
      </dgm:choose>
    </dgm:forEach>
    <dgm:forEach name="Name73" axis="ch" ptType="node" st="4" cnt="1">
      <dgm:layoutNode name="parentText4" styleLbl="node1">
        <dgm:varLst>
          <dgm:chMax/>
          <dgm:chPref val="3"/>
          <dgm:bulletEnabled val="1"/>
        </dgm:varLst>
        <dgm:choose name="Name74">
          <dgm:if name="Name75" func="var" arg="dir" op="equ" val="norm">
            <dgm:alg type="tx">
              <dgm:param type="parTxLTRAlign" val="l"/>
            </dgm:alg>
            <dgm:shape xmlns:r="http://schemas.openxmlformats.org/officeDocument/2006/relationships" type="rightArrow" r:blip="">
              <dgm:adjLst>
                <dgm:adj idx="1" val="0.5"/>
                <dgm:adj idx="2" val="0.5"/>
              </dgm:adjLst>
            </dgm:shape>
            <dgm:constrLst>
              <dgm:constr type="lMarg" refType="primFontSz" fact="0.3"/>
              <dgm:constr type="rMarg" val="20"/>
              <dgm:constr type="tMarg" refType="primFontSz" fact="0.3"/>
              <dgm:constr type="bMarg" refType="h" fact="0.45"/>
            </dgm:constrLst>
          </dgm:if>
          <dgm:else name="Name76">
            <dgm:alg type="tx">
              <dgm:param type="parTxLTRAlign" val="r"/>
            </dgm:alg>
            <dgm:shape xmlns:r="http://schemas.openxmlformats.org/officeDocument/2006/relationships" type="leftArrow" r:blip="">
              <dgm:adjLst>
                <dgm:adj idx="1" val="0.5"/>
                <dgm:adj idx="2" val="0.5"/>
              </dgm:adjLst>
            </dgm:shape>
            <dgm:constrLst>
              <dgm:constr type="lMarg" val="20"/>
              <dgm:constr type="rMarg" refType="primFontSz" fact="0.3"/>
              <dgm:constr type="tMarg" refType="primFontSz" fact="0.3"/>
              <dgm:constr type="bMarg" refType="h" fact="0.45"/>
            </dgm:constrLst>
          </dgm:else>
        </dgm:choose>
        <dgm:presOf axis="self" ptType="node"/>
        <dgm:ruleLst>
          <dgm:rule type="primFontSz" val="5" fact="NaN" max="NaN"/>
        </dgm:ruleLst>
      </dgm:layoutNode>
      <dgm:choose name="Name77">
        <dgm:if name="Name78" axis="ch" ptType="node" func="cnt" op="gte" val="1">
          <dgm:layoutNode name="childText4" styleLbl="solidAlignAcc1">
            <dgm:varLst>
              <dgm:chMax val="0"/>
              <dgm:chPref val="0"/>
              <dgm:bulletEnabled val="1"/>
            </dgm:varLst>
            <dgm:alg type="tx">
              <dgm:param type="txAnchorVert" val="t"/>
              <dgm:param type="parTxLTRAlign" val="l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79"/>
      </dgm:choose>
    </dgm:forEach>
    <dgm:forEach name="Name80" axis="ch" ptType="node" st="5" cnt="1">
      <dgm:layoutNode name="parentText5" styleLbl="node1">
        <dgm:varLst>
          <dgm:chMax/>
          <dgm:chPref val="3"/>
          <dgm:bulletEnabled val="1"/>
        </dgm:varLst>
        <dgm:choose name="Name81">
          <dgm:if name="Name82" func="var" arg="dir" op="equ" val="norm">
            <dgm:alg type="tx">
              <dgm:param type="parTxLTRAlign" val="l"/>
            </dgm:alg>
            <dgm:shape xmlns:r="http://schemas.openxmlformats.org/officeDocument/2006/relationships" type="rightArrow" r:blip="">
              <dgm:adjLst>
                <dgm:adj idx="1" val="0.5"/>
                <dgm:adj idx="2" val="0.5"/>
              </dgm:adjLst>
            </dgm:shape>
            <dgm:constrLst>
              <dgm:constr type="lMarg" refType="primFontSz" fact="0.3"/>
              <dgm:constr type="rMarg" val="20"/>
              <dgm:constr type="tMarg" refType="primFontSz" fact="0.3"/>
              <dgm:constr type="bMarg" refType="h" fact="0.45"/>
            </dgm:constrLst>
          </dgm:if>
          <dgm:else name="Name83">
            <dgm:alg type="tx">
              <dgm:param type="parTxLTRAlign" val="r"/>
            </dgm:alg>
            <dgm:shape xmlns:r="http://schemas.openxmlformats.org/officeDocument/2006/relationships" type="leftArrow" r:blip="">
              <dgm:adjLst>
                <dgm:adj idx="1" val="0.5"/>
                <dgm:adj idx="2" val="0.5"/>
              </dgm:adjLst>
            </dgm:shape>
            <dgm:constrLst>
              <dgm:constr type="lMarg" val="20"/>
              <dgm:constr type="rMarg" refType="primFontSz" fact="0.3"/>
              <dgm:constr type="tMarg" refType="primFontSz" fact="0.3"/>
              <dgm:constr type="bMarg" refType="h" fact="0.45"/>
            </dgm:constrLst>
          </dgm:else>
        </dgm:choose>
        <dgm:presOf axis="self" ptType="node"/>
        <dgm:ruleLst>
          <dgm:rule type="primFontSz" val="5" fact="NaN" max="NaN"/>
        </dgm:ruleLst>
      </dgm:layoutNode>
      <dgm:choose name="Name84">
        <dgm:if name="Name85" axis="ch" ptType="node" func="cnt" op="gte" val="1">
          <dgm:layoutNode name="childText5" styleLbl="solidAlignAcc1">
            <dgm:varLst>
              <dgm:chMax val="0"/>
              <dgm:chPref val="0"/>
              <dgm:bulletEnabled val="1"/>
            </dgm:varLst>
            <dgm:alg type="tx">
              <dgm:param type="txAnchorVert" val="t"/>
              <dgm:param type="parTxLTRAlign" val="l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86"/>
      </dgm:choos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00D5B51-A3C5-4FC7-8A0D-54EFEFAFACD3}" type="datetimeFigureOut">
              <a:rPr lang="nl-NL" smtClean="0"/>
              <a:t>11-7-2024</a:t>
            </a:fld>
            <a:endParaRPr lang="nl-NL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l-NL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 om de modelstijlen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l-NL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9513F78-5509-4637-B397-C3DEABA56153}" type="slidenum">
              <a:rPr lang="nl-NL" smtClean="0"/>
              <a:t>‹nr.›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138850972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0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1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2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3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5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6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7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8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9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1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1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822534256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21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660698212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26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156611109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11976207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8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94275037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9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05258679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0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48919799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1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16595757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2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356623757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b="0" i="0" dirty="0">
              <a:solidFill>
                <a:srgbClr val="374151"/>
              </a:solidFill>
              <a:effectLst/>
              <a:highlight>
                <a:srgbClr val="FFFFFF"/>
              </a:highlight>
              <a:latin typeface="Noto Serif" panose="02020600060500020200" pitchFamily="18" charset="0"/>
            </a:endParaRPr>
          </a:p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3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749319169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4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9187472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lnSpc>
                <a:spcPct val="105000"/>
              </a:lnSpc>
              <a:spcAft>
                <a:spcPts val="800"/>
              </a:spcAft>
            </a:pPr>
            <a:endParaRPr lang="en-NL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4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630979899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5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59115282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6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37569097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7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00534460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>
              <a:lnSpc>
                <a:spcPct val="150000"/>
              </a:lnSpc>
              <a:spcBef>
                <a:spcPts val="0"/>
              </a:spcBef>
              <a:spcAft>
                <a:spcPts val="0"/>
              </a:spcAft>
            </a:pPr>
            <a:endParaRPr lang="nl-NL" sz="1800" dirty="0">
              <a:effectLst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8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378665030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9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55182459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0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4140372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1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19510000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b="0" i="0" dirty="0">
              <a:solidFill>
                <a:srgbClr val="394251"/>
              </a:solidFill>
              <a:effectLst/>
              <a:highlight>
                <a:srgbClr val="FAFAFC"/>
              </a:highlight>
              <a:latin typeface="DNB-Fedra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2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16446728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3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515413058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350837" lvl="3" indent="-171450">
              <a:lnSpc>
                <a:spcPct val="120000"/>
              </a:lnSpc>
            </a:pPr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4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7301634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>
              <a:lnSpc>
                <a:spcPct val="105000"/>
              </a:lnSpc>
              <a:spcAft>
                <a:spcPts val="800"/>
              </a:spcAft>
            </a:pPr>
            <a:endParaRPr lang="en-NL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5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1600477999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350837" lvl="3" indent="-171450">
              <a:lnSpc>
                <a:spcPct val="120000"/>
              </a:lnSpc>
            </a:pPr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5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71253913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6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42065765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7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766540851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b="1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8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448680910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9513F78-5509-4637-B397-C3DEABA56153}" type="slidenum">
              <a:rPr kumimoji="0" lang="nl-NL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9</a:t>
            </a:fld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18844349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51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00044517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6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25873943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nl-NL" sz="1800" dirty="0">
              <a:effectLst/>
              <a:latin typeface="Aptos" panose="020B0004020202020204" pitchFamily="34" charset="0"/>
              <a:ea typeface="Calibri" panose="020F050202020403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NL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endParaRPr lang="en-NL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7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8558828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nl-NL" sz="1800" dirty="0">
              <a:effectLst/>
              <a:latin typeface="Aptos" panose="020B0004020202020204" pitchFamily="34" charset="0"/>
              <a:ea typeface="Calibri" panose="020F050202020403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NL" sz="1800" dirty="0">
              <a:effectLst/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endParaRPr lang="en-NL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8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51747934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17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4862344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19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13089455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513F78-5509-4637-B397-C3DEABA56153}" type="slidenum">
              <a:rPr lang="nl-NL" smtClean="0"/>
              <a:t>20</a:t>
            </a:fld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247266078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png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.png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Blauw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A472981F-0950-11BF-7532-49B71F309AFC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5DDF5EA-C147-3529-8853-16D86285A65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2940"/>
          <a:stretch>
            <a:fillRect/>
          </a:stretch>
        </p:blipFill>
        <p:spPr>
          <a:xfrm>
            <a:off x="0" y="252000"/>
            <a:ext cx="7287816" cy="4992300"/>
          </a:xfrm>
          <a:custGeom>
            <a:avLst/>
            <a:gdLst>
              <a:gd name="connsiteX0" fmla="*/ 0 w 7287816"/>
              <a:gd name="connsiteY0" fmla="*/ 0 h 4992300"/>
              <a:gd name="connsiteX1" fmla="*/ 7287816 w 7287816"/>
              <a:gd name="connsiteY1" fmla="*/ 0 h 4992300"/>
              <a:gd name="connsiteX2" fmla="*/ 7287816 w 7287816"/>
              <a:gd name="connsiteY2" fmla="*/ 4992300 h 4992300"/>
              <a:gd name="connsiteX3" fmla="*/ 0 w 7287816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87816" h="4992300">
                <a:moveTo>
                  <a:pt x="0" y="0"/>
                </a:moveTo>
                <a:lnTo>
                  <a:pt x="7287816" y="0"/>
                </a:lnTo>
                <a:lnTo>
                  <a:pt x="7287816" y="4992300"/>
                </a:lnTo>
                <a:lnTo>
                  <a:pt x="0" y="4992300"/>
                </a:lnTo>
                <a:close/>
              </a:path>
            </a:pathLst>
          </a:custGeom>
        </p:spPr>
      </p:pic>
      <p:sp>
        <p:nvSpPr>
          <p:cNvPr id="2" name="Date" descr="{&quot;templafy&quot;:{&quot;id&quot;:&quot;c9522b7f-f2bb-42c7-ba6c-49d52af664a9&quot;}}">
            <a:extLst>
              <a:ext uri="{FF2B5EF4-FFF2-40B4-BE49-F238E27FC236}">
                <a16:creationId xmlns:a16="http://schemas.microsoft.com/office/drawing/2014/main" id="{13E8B1FD-06D3-1D3D-95CE-2EDFCFDCBF39}"/>
              </a:ext>
            </a:extLst>
          </p:cNvPr>
          <p:cNvSpPr/>
          <p:nvPr userDrawn="1"/>
        </p:nvSpPr>
        <p:spPr>
          <a:xfrm>
            <a:off x="510148" y="1958690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/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D4DF47EF-6FD3-8974-6347-19105660ECB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698579"/>
            <a:ext cx="5447738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0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/>
              <a:t>Click to edit Master text styles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030CB566-3812-DE5A-43D8-70D05DBFCA2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0148" y="3467204"/>
            <a:ext cx="5447738" cy="39676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>
            <a:lvl1pPr>
              <a:defRPr lang="en-US" sz="2100" kern="1200" smtClean="0">
                <a:solidFill>
                  <a:schemeClr val="lt1"/>
                </a:solidFill>
              </a:defRPr>
            </a:lvl1pPr>
            <a:lvl2pPr>
              <a:defRPr lang="en-US" sz="1800" smtClean="0">
                <a:solidFill>
                  <a:schemeClr val="lt1"/>
                </a:solidFill>
              </a:defRPr>
            </a:lvl2pPr>
            <a:lvl3pPr>
              <a:defRPr lang="en-US" sz="1800" smtClean="0">
                <a:solidFill>
                  <a:schemeClr val="lt1"/>
                </a:solidFill>
              </a:defRPr>
            </a:lvl3pPr>
            <a:lvl4pPr>
              <a:defRPr lang="en-US" sz="1800" smtClean="0">
                <a:solidFill>
                  <a:schemeClr val="lt1"/>
                </a:solidFill>
              </a:defRPr>
            </a:lvl4pPr>
            <a:lvl5pPr>
              <a:defRPr lang="nl-NL" sz="1800">
                <a:solidFill>
                  <a:schemeClr val="lt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Name" descr="{&quot;templafy&quot;:{&quot;id&quot;:&quot;ee1b1838-e278-4adb-878b-b0f65867026b&quot;}}">
            <a:extLst>
              <a:ext uri="{FF2B5EF4-FFF2-40B4-BE49-F238E27FC236}">
                <a16:creationId xmlns:a16="http://schemas.microsoft.com/office/drawing/2014/main" id="{52D0E052-B47A-F199-16AA-C3924F12888B}"/>
              </a:ext>
            </a:extLst>
          </p:cNvPr>
          <p:cNvSpPr/>
          <p:nvPr userDrawn="1"/>
        </p:nvSpPr>
        <p:spPr>
          <a:xfrm>
            <a:off x="5016501" y="4323734"/>
            <a:ext cx="36040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endParaRPr lang="en-GB" sz="105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9B6EEF4-3C3C-7A6D-E9EA-3EEA93F2D239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7110171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leurverloop rec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08ABE741-2488-CF81-B0CC-FE756926756B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ED49BE91-596B-DA89-FBE1-69E2C2785275}"/>
              </a:ext>
            </a:extLst>
          </p:cNvPr>
          <p:cNvSpPr/>
          <p:nvPr userDrawn="1"/>
        </p:nvSpPr>
        <p:spPr>
          <a:xfrm>
            <a:off x="6084000" y="252000"/>
            <a:ext cx="3060000" cy="4992300"/>
          </a:xfrm>
          <a:custGeom>
            <a:avLst/>
            <a:gdLst>
              <a:gd name="connsiteX0" fmla="*/ 0 w 3060000"/>
              <a:gd name="connsiteY0" fmla="*/ 0 h 4992300"/>
              <a:gd name="connsiteX1" fmla="*/ 3060000 w 3060000"/>
              <a:gd name="connsiteY1" fmla="*/ 0 h 4992300"/>
              <a:gd name="connsiteX2" fmla="*/ 3060000 w 3060000"/>
              <a:gd name="connsiteY2" fmla="*/ 4992300 h 4992300"/>
              <a:gd name="connsiteX3" fmla="*/ 0 w 3060000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60000" h="4992300">
                <a:moveTo>
                  <a:pt x="0" y="0"/>
                </a:moveTo>
                <a:lnTo>
                  <a:pt x="3060000" y="0"/>
                </a:lnTo>
                <a:lnTo>
                  <a:pt x="3060000" y="4992300"/>
                </a:lnTo>
                <a:lnTo>
                  <a:pt x="0" y="4992300"/>
                </a:lnTo>
                <a:close/>
              </a:path>
            </a:pathLst>
          </a:custGeom>
          <a:gradFill>
            <a:gsLst>
              <a:gs pos="0">
                <a:schemeClr val="accent1"/>
              </a:gs>
              <a:gs pos="100000">
                <a:schemeClr val="accent2"/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344EEB74-3D0D-D422-4997-5FF839E959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94541" y="435548"/>
            <a:ext cx="2016000" cy="1086405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20" name="Text Placeholder 15">
            <a:extLst>
              <a:ext uri="{FF2B5EF4-FFF2-40B4-BE49-F238E27FC236}">
                <a16:creationId xmlns:a16="http://schemas.microsoft.com/office/drawing/2014/main" id="{9A456415-937D-EDA0-96CE-C076141B858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628918" y="1796022"/>
            <a:ext cx="2016000" cy="25830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4" name="Content Placeholder 5">
            <a:extLst>
              <a:ext uri="{FF2B5EF4-FFF2-40B4-BE49-F238E27FC236}">
                <a16:creationId xmlns:a16="http://schemas.microsoft.com/office/drawing/2014/main" id="{C97DF92B-D572-18ED-78FB-C6F41FFC6ED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11199" y="435548"/>
            <a:ext cx="5062259" cy="3943520"/>
          </a:xfrm>
        </p:spPr>
        <p:txBody>
          <a:bodyPr/>
          <a:lstStyle/>
          <a:p>
            <a:r>
              <a:rPr lang="en-GB" err="1"/>
              <a:t>Klikken</a:t>
            </a:r>
            <a:r>
              <a:rPr lang="en-GB"/>
              <a:t> om </a:t>
            </a:r>
            <a:r>
              <a:rPr lang="en-GB" err="1"/>
              <a:t>tekst</a:t>
            </a:r>
            <a:r>
              <a:rPr lang="en-GB"/>
              <a:t> of </a:t>
            </a:r>
            <a:r>
              <a:rPr lang="en-GB" err="1"/>
              <a:t>afbeelding</a:t>
            </a:r>
            <a:r>
              <a:rPr lang="en-GB"/>
              <a:t> toe </a:t>
            </a:r>
            <a:r>
              <a:rPr lang="en-GB" err="1"/>
              <a:t>te</a:t>
            </a:r>
            <a:r>
              <a:rPr lang="en-GB"/>
              <a:t> </a:t>
            </a:r>
            <a:r>
              <a:rPr lang="en-GB" err="1"/>
              <a:t>voegen</a:t>
            </a:r>
            <a:endParaRPr lang="en-GB"/>
          </a:p>
        </p:txBody>
      </p:sp>
      <p:sp>
        <p:nvSpPr>
          <p:cNvPr id="2" name="Slide Number Placeholder 2">
            <a:extLst>
              <a:ext uri="{FF2B5EF4-FFF2-40B4-BE49-F238E27FC236}">
                <a16:creationId xmlns:a16="http://schemas.microsoft.com/office/drawing/2014/main" id="{30A54039-8A90-CDCC-05F5-A87EB2B97B1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8119110" y="4741067"/>
            <a:ext cx="519115" cy="1976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5D098EA-EC7A-7110-6DD7-A06000A8E1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977987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0D39B93F-4960-5CF8-D79E-C97A2C76BE87}"/>
              </a:ext>
            </a:extLst>
          </p:cNvPr>
          <p:cNvSpPr/>
          <p:nvPr userDrawn="1"/>
        </p:nvSpPr>
        <p:spPr>
          <a:xfrm>
            <a:off x="0" y="252000"/>
            <a:ext cx="9144000" cy="489600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5D098EA-EC7A-7110-6DD7-A06000A8E1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269507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phic 4" hidden="1">
            <a:extLst>
              <a:ext uri="{FF2B5EF4-FFF2-40B4-BE49-F238E27FC236}">
                <a16:creationId xmlns:a16="http://schemas.microsoft.com/office/drawing/2014/main" id="{20B60159-27EF-393C-8AB6-40BE1DCA8F2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A241DF0A-F250-CC7C-A747-38D0DEF4E13D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252000"/>
            <a:ext cx="9144000" cy="4992300"/>
          </a:xfrm>
          <a:custGeom>
            <a:avLst/>
            <a:gdLst>
              <a:gd name="connsiteX0" fmla="*/ 1311232 w 9144000"/>
              <a:gd name="connsiteY0" fmla="*/ 4784368 h 4992300"/>
              <a:gd name="connsiteX1" fmla="*/ 1311255 w 9144000"/>
              <a:gd name="connsiteY1" fmla="*/ 4784413 h 4992300"/>
              <a:gd name="connsiteX2" fmla="*/ 1311208 w 9144000"/>
              <a:gd name="connsiteY2" fmla="*/ 4784413 h 4992300"/>
              <a:gd name="connsiteX3" fmla="*/ 1202473 w 9144000"/>
              <a:gd name="connsiteY3" fmla="*/ 4771089 h 4992300"/>
              <a:gd name="connsiteX4" fmla="*/ 1208231 w 9144000"/>
              <a:gd name="connsiteY4" fmla="*/ 4771089 h 4992300"/>
              <a:gd name="connsiteX5" fmla="*/ 1215845 w 9144000"/>
              <a:gd name="connsiteY5" fmla="*/ 4777846 h 4992300"/>
              <a:gd name="connsiteX6" fmla="*/ 1207042 w 9144000"/>
              <a:gd name="connsiteY6" fmla="*/ 4784460 h 4992300"/>
              <a:gd name="connsiteX7" fmla="*/ 1202473 w 9144000"/>
              <a:gd name="connsiteY7" fmla="*/ 4784460 h 4992300"/>
              <a:gd name="connsiteX8" fmla="*/ 1247252 w 9144000"/>
              <a:gd name="connsiteY8" fmla="*/ 4770660 h 4992300"/>
              <a:gd name="connsiteX9" fmla="*/ 1260005 w 9144000"/>
              <a:gd name="connsiteY9" fmla="*/ 4784651 h 4992300"/>
              <a:gd name="connsiteX10" fmla="*/ 1246871 w 9144000"/>
              <a:gd name="connsiteY10" fmla="*/ 4798784 h 4992300"/>
              <a:gd name="connsiteX11" fmla="*/ 1234261 w 9144000"/>
              <a:gd name="connsiteY11" fmla="*/ 4784556 h 4992300"/>
              <a:gd name="connsiteX12" fmla="*/ 1247252 w 9144000"/>
              <a:gd name="connsiteY12" fmla="*/ 4770660 h 4992300"/>
              <a:gd name="connsiteX13" fmla="*/ 1420466 w 9144000"/>
              <a:gd name="connsiteY13" fmla="*/ 4767044 h 4992300"/>
              <a:gd name="connsiteX14" fmla="*/ 1420466 w 9144000"/>
              <a:gd name="connsiteY14" fmla="*/ 4802305 h 4992300"/>
              <a:gd name="connsiteX15" fmla="*/ 1441689 w 9144000"/>
              <a:gd name="connsiteY15" fmla="*/ 4802305 h 4992300"/>
              <a:gd name="connsiteX16" fmla="*/ 1441689 w 9144000"/>
              <a:gd name="connsiteY16" fmla="*/ 4798213 h 4992300"/>
              <a:gd name="connsiteX17" fmla="*/ 1425272 w 9144000"/>
              <a:gd name="connsiteY17" fmla="*/ 4798213 h 4992300"/>
              <a:gd name="connsiteX18" fmla="*/ 1425272 w 9144000"/>
              <a:gd name="connsiteY18" fmla="*/ 4786649 h 4992300"/>
              <a:gd name="connsiteX19" fmla="*/ 1439452 w 9144000"/>
              <a:gd name="connsiteY19" fmla="*/ 4786649 h 4992300"/>
              <a:gd name="connsiteX20" fmla="*/ 1439452 w 9144000"/>
              <a:gd name="connsiteY20" fmla="*/ 4782557 h 4992300"/>
              <a:gd name="connsiteX21" fmla="*/ 1425224 w 9144000"/>
              <a:gd name="connsiteY21" fmla="*/ 4782557 h 4992300"/>
              <a:gd name="connsiteX22" fmla="*/ 1425224 w 9144000"/>
              <a:gd name="connsiteY22" fmla="*/ 4771089 h 4992300"/>
              <a:gd name="connsiteX23" fmla="*/ 1440547 w 9144000"/>
              <a:gd name="connsiteY23" fmla="*/ 4771089 h 4992300"/>
              <a:gd name="connsiteX24" fmla="*/ 1440547 w 9144000"/>
              <a:gd name="connsiteY24" fmla="*/ 4767044 h 4992300"/>
              <a:gd name="connsiteX25" fmla="*/ 1391343 w 9144000"/>
              <a:gd name="connsiteY25" fmla="*/ 4767044 h 4992300"/>
              <a:gd name="connsiteX26" fmla="*/ 1391343 w 9144000"/>
              <a:gd name="connsiteY26" fmla="*/ 4802305 h 4992300"/>
              <a:gd name="connsiteX27" fmla="*/ 1412566 w 9144000"/>
              <a:gd name="connsiteY27" fmla="*/ 4802305 h 4992300"/>
              <a:gd name="connsiteX28" fmla="*/ 1412566 w 9144000"/>
              <a:gd name="connsiteY28" fmla="*/ 4798213 h 4992300"/>
              <a:gd name="connsiteX29" fmla="*/ 1396101 w 9144000"/>
              <a:gd name="connsiteY29" fmla="*/ 4798213 h 4992300"/>
              <a:gd name="connsiteX30" fmla="*/ 1396101 w 9144000"/>
              <a:gd name="connsiteY30" fmla="*/ 4786649 h 4992300"/>
              <a:gd name="connsiteX31" fmla="*/ 1410330 w 9144000"/>
              <a:gd name="connsiteY31" fmla="*/ 4786649 h 4992300"/>
              <a:gd name="connsiteX32" fmla="*/ 1410330 w 9144000"/>
              <a:gd name="connsiteY32" fmla="*/ 4782557 h 4992300"/>
              <a:gd name="connsiteX33" fmla="*/ 1396101 w 9144000"/>
              <a:gd name="connsiteY33" fmla="*/ 4782557 h 4992300"/>
              <a:gd name="connsiteX34" fmla="*/ 1396101 w 9144000"/>
              <a:gd name="connsiteY34" fmla="*/ 4771089 h 4992300"/>
              <a:gd name="connsiteX35" fmla="*/ 1411424 w 9144000"/>
              <a:gd name="connsiteY35" fmla="*/ 4771089 h 4992300"/>
              <a:gd name="connsiteX36" fmla="*/ 1411424 w 9144000"/>
              <a:gd name="connsiteY36" fmla="*/ 4767044 h 4992300"/>
              <a:gd name="connsiteX37" fmla="*/ 1356129 w 9144000"/>
              <a:gd name="connsiteY37" fmla="*/ 4767044 h 4992300"/>
              <a:gd name="connsiteX38" fmla="*/ 1356129 w 9144000"/>
              <a:gd name="connsiteY38" fmla="*/ 4771231 h 4992300"/>
              <a:gd name="connsiteX39" fmla="*/ 1367883 w 9144000"/>
              <a:gd name="connsiteY39" fmla="*/ 4771231 h 4992300"/>
              <a:gd name="connsiteX40" fmla="*/ 1367883 w 9144000"/>
              <a:gd name="connsiteY40" fmla="*/ 4802305 h 4992300"/>
              <a:gd name="connsiteX41" fmla="*/ 1372689 w 9144000"/>
              <a:gd name="connsiteY41" fmla="*/ 4802305 h 4992300"/>
              <a:gd name="connsiteX42" fmla="*/ 1372689 w 9144000"/>
              <a:gd name="connsiteY42" fmla="*/ 4771231 h 4992300"/>
              <a:gd name="connsiteX43" fmla="*/ 1384443 w 9144000"/>
              <a:gd name="connsiteY43" fmla="*/ 4771231 h 4992300"/>
              <a:gd name="connsiteX44" fmla="*/ 1384443 w 9144000"/>
              <a:gd name="connsiteY44" fmla="*/ 4767044 h 4992300"/>
              <a:gd name="connsiteX45" fmla="*/ 1297170 w 9144000"/>
              <a:gd name="connsiteY45" fmla="*/ 4767044 h 4992300"/>
              <a:gd name="connsiteX46" fmla="*/ 1308686 w 9144000"/>
              <a:gd name="connsiteY46" fmla="*/ 4788934 h 4992300"/>
              <a:gd name="connsiteX47" fmla="*/ 1308686 w 9144000"/>
              <a:gd name="connsiteY47" fmla="*/ 4802305 h 4992300"/>
              <a:gd name="connsiteX48" fmla="*/ 1313444 w 9144000"/>
              <a:gd name="connsiteY48" fmla="*/ 4802305 h 4992300"/>
              <a:gd name="connsiteX49" fmla="*/ 1313444 w 9144000"/>
              <a:gd name="connsiteY49" fmla="*/ 4788934 h 4992300"/>
              <a:gd name="connsiteX50" fmla="*/ 1325722 w 9144000"/>
              <a:gd name="connsiteY50" fmla="*/ 4767044 h 4992300"/>
              <a:gd name="connsiteX51" fmla="*/ 1320487 w 9144000"/>
              <a:gd name="connsiteY51" fmla="*/ 4767044 h 4992300"/>
              <a:gd name="connsiteX52" fmla="*/ 1311232 w 9144000"/>
              <a:gd name="connsiteY52" fmla="*/ 4784368 h 4992300"/>
              <a:gd name="connsiteX53" fmla="*/ 1302547 w 9144000"/>
              <a:gd name="connsiteY53" fmla="*/ 4767044 h 4992300"/>
              <a:gd name="connsiteX54" fmla="*/ 1197620 w 9144000"/>
              <a:gd name="connsiteY54" fmla="*/ 4767044 h 4992300"/>
              <a:gd name="connsiteX55" fmla="*/ 1197620 w 9144000"/>
              <a:gd name="connsiteY55" fmla="*/ 4802305 h 4992300"/>
              <a:gd name="connsiteX56" fmla="*/ 1202426 w 9144000"/>
              <a:gd name="connsiteY56" fmla="*/ 4802305 h 4992300"/>
              <a:gd name="connsiteX57" fmla="*/ 1202426 w 9144000"/>
              <a:gd name="connsiteY57" fmla="*/ 4788600 h 4992300"/>
              <a:gd name="connsiteX58" fmla="*/ 1206709 w 9144000"/>
              <a:gd name="connsiteY58" fmla="*/ 4788600 h 4992300"/>
              <a:gd name="connsiteX59" fmla="*/ 1209754 w 9144000"/>
              <a:gd name="connsiteY59" fmla="*/ 4788362 h 4992300"/>
              <a:gd name="connsiteX60" fmla="*/ 1219414 w 9144000"/>
              <a:gd name="connsiteY60" fmla="*/ 4802258 h 4992300"/>
              <a:gd name="connsiteX61" fmla="*/ 1225077 w 9144000"/>
              <a:gd name="connsiteY61" fmla="*/ 4802258 h 4992300"/>
              <a:gd name="connsiteX62" fmla="*/ 1225124 w 9144000"/>
              <a:gd name="connsiteY62" fmla="*/ 4802305 h 4992300"/>
              <a:gd name="connsiteX63" fmla="*/ 1214560 w 9144000"/>
              <a:gd name="connsiteY63" fmla="*/ 4787173 h 4992300"/>
              <a:gd name="connsiteX64" fmla="*/ 1220842 w 9144000"/>
              <a:gd name="connsiteY64" fmla="*/ 4777513 h 4992300"/>
              <a:gd name="connsiteX65" fmla="*/ 1209278 w 9144000"/>
              <a:gd name="connsiteY65" fmla="*/ 4767044 h 4992300"/>
              <a:gd name="connsiteX66" fmla="*/ 1129619 w 9144000"/>
              <a:gd name="connsiteY66" fmla="*/ 4767044 h 4992300"/>
              <a:gd name="connsiteX67" fmla="*/ 1129619 w 9144000"/>
              <a:gd name="connsiteY67" fmla="*/ 4802305 h 4992300"/>
              <a:gd name="connsiteX68" fmla="*/ 1150842 w 9144000"/>
              <a:gd name="connsiteY68" fmla="*/ 4802305 h 4992300"/>
              <a:gd name="connsiteX69" fmla="*/ 1150842 w 9144000"/>
              <a:gd name="connsiteY69" fmla="*/ 4798213 h 4992300"/>
              <a:gd name="connsiteX70" fmla="*/ 1134425 w 9144000"/>
              <a:gd name="connsiteY70" fmla="*/ 4798213 h 4992300"/>
              <a:gd name="connsiteX71" fmla="*/ 1134378 w 9144000"/>
              <a:gd name="connsiteY71" fmla="*/ 4798213 h 4992300"/>
              <a:gd name="connsiteX72" fmla="*/ 1134378 w 9144000"/>
              <a:gd name="connsiteY72" fmla="*/ 4786649 h 4992300"/>
              <a:gd name="connsiteX73" fmla="*/ 1148606 w 9144000"/>
              <a:gd name="connsiteY73" fmla="*/ 4786649 h 4992300"/>
              <a:gd name="connsiteX74" fmla="*/ 1148606 w 9144000"/>
              <a:gd name="connsiteY74" fmla="*/ 4782557 h 4992300"/>
              <a:gd name="connsiteX75" fmla="*/ 1134378 w 9144000"/>
              <a:gd name="connsiteY75" fmla="*/ 4782557 h 4992300"/>
              <a:gd name="connsiteX76" fmla="*/ 1134378 w 9144000"/>
              <a:gd name="connsiteY76" fmla="*/ 4771089 h 4992300"/>
              <a:gd name="connsiteX77" fmla="*/ 1149700 w 9144000"/>
              <a:gd name="connsiteY77" fmla="*/ 4771089 h 4992300"/>
              <a:gd name="connsiteX78" fmla="*/ 1149700 w 9144000"/>
              <a:gd name="connsiteY78" fmla="*/ 4767044 h 4992300"/>
              <a:gd name="connsiteX79" fmla="*/ 1449541 w 9144000"/>
              <a:gd name="connsiteY79" fmla="*/ 4766996 h 4992300"/>
              <a:gd name="connsiteX80" fmla="*/ 1449541 w 9144000"/>
              <a:gd name="connsiteY80" fmla="*/ 4802258 h 4992300"/>
              <a:gd name="connsiteX81" fmla="*/ 1454299 w 9144000"/>
              <a:gd name="connsiteY81" fmla="*/ 4802258 h 4992300"/>
              <a:gd name="connsiteX82" fmla="*/ 1454299 w 9144000"/>
              <a:gd name="connsiteY82" fmla="*/ 4777275 h 4992300"/>
              <a:gd name="connsiteX83" fmla="*/ 1454157 w 9144000"/>
              <a:gd name="connsiteY83" fmla="*/ 4774515 h 4992300"/>
              <a:gd name="connsiteX84" fmla="*/ 1463864 w 9144000"/>
              <a:gd name="connsiteY84" fmla="*/ 4802258 h 4992300"/>
              <a:gd name="connsiteX85" fmla="*/ 1470146 w 9144000"/>
              <a:gd name="connsiteY85" fmla="*/ 4802258 h 4992300"/>
              <a:gd name="connsiteX86" fmla="*/ 1481185 w 9144000"/>
              <a:gd name="connsiteY86" fmla="*/ 4774087 h 4992300"/>
              <a:gd name="connsiteX87" fmla="*/ 1481090 w 9144000"/>
              <a:gd name="connsiteY87" fmla="*/ 4777180 h 4992300"/>
              <a:gd name="connsiteX88" fmla="*/ 1481090 w 9144000"/>
              <a:gd name="connsiteY88" fmla="*/ 4802258 h 4992300"/>
              <a:gd name="connsiteX89" fmla="*/ 1485897 w 9144000"/>
              <a:gd name="connsiteY89" fmla="*/ 4802258 h 4992300"/>
              <a:gd name="connsiteX90" fmla="*/ 1485897 w 9144000"/>
              <a:gd name="connsiteY90" fmla="*/ 4766996 h 4992300"/>
              <a:gd name="connsiteX91" fmla="*/ 1479615 w 9144000"/>
              <a:gd name="connsiteY91" fmla="*/ 4766996 h 4992300"/>
              <a:gd name="connsiteX92" fmla="*/ 1479615 w 9144000"/>
              <a:gd name="connsiteY92" fmla="*/ 4767044 h 4992300"/>
              <a:gd name="connsiteX93" fmla="*/ 1467195 w 9144000"/>
              <a:gd name="connsiteY93" fmla="*/ 4798403 h 4992300"/>
              <a:gd name="connsiteX94" fmla="*/ 1456155 w 9144000"/>
              <a:gd name="connsiteY94" fmla="*/ 4767282 h 4992300"/>
              <a:gd name="connsiteX95" fmla="*/ 1456060 w 9144000"/>
              <a:gd name="connsiteY95" fmla="*/ 4766996 h 4992300"/>
              <a:gd name="connsiteX96" fmla="*/ 1158313 w 9144000"/>
              <a:gd name="connsiteY96" fmla="*/ 4766996 h 4992300"/>
              <a:gd name="connsiteX97" fmla="*/ 1158313 w 9144000"/>
              <a:gd name="connsiteY97" fmla="*/ 4789885 h 4992300"/>
              <a:gd name="connsiteX98" fmla="*/ 1172589 w 9144000"/>
              <a:gd name="connsiteY98" fmla="*/ 4802829 h 4992300"/>
              <a:gd name="connsiteX99" fmla="*/ 1186675 w 9144000"/>
              <a:gd name="connsiteY99" fmla="*/ 4788553 h 4992300"/>
              <a:gd name="connsiteX100" fmla="*/ 1186675 w 9144000"/>
              <a:gd name="connsiteY100" fmla="*/ 4766996 h 4992300"/>
              <a:gd name="connsiteX101" fmla="*/ 1182011 w 9144000"/>
              <a:gd name="connsiteY101" fmla="*/ 4766996 h 4992300"/>
              <a:gd name="connsiteX102" fmla="*/ 1182011 w 9144000"/>
              <a:gd name="connsiteY102" fmla="*/ 4788410 h 4992300"/>
              <a:gd name="connsiteX103" fmla="*/ 1182059 w 9144000"/>
              <a:gd name="connsiteY103" fmla="*/ 4788458 h 4992300"/>
              <a:gd name="connsiteX104" fmla="*/ 1172637 w 9144000"/>
              <a:gd name="connsiteY104" fmla="*/ 4798641 h 4992300"/>
              <a:gd name="connsiteX105" fmla="*/ 1163262 w 9144000"/>
              <a:gd name="connsiteY105" fmla="*/ 4789552 h 4992300"/>
              <a:gd name="connsiteX106" fmla="*/ 1163262 w 9144000"/>
              <a:gd name="connsiteY106" fmla="*/ 4766996 h 4992300"/>
              <a:gd name="connsiteX107" fmla="*/ 1340711 w 9144000"/>
              <a:gd name="connsiteY107" fmla="*/ 4766616 h 4992300"/>
              <a:gd name="connsiteX108" fmla="*/ 1330147 w 9144000"/>
              <a:gd name="connsiteY108" fmla="*/ 4775324 h 4992300"/>
              <a:gd name="connsiteX109" fmla="*/ 1339664 w 9144000"/>
              <a:gd name="connsiteY109" fmla="*/ 4785983 h 4992300"/>
              <a:gd name="connsiteX110" fmla="*/ 1347040 w 9144000"/>
              <a:gd name="connsiteY110" fmla="*/ 4793216 h 4992300"/>
              <a:gd name="connsiteX111" fmla="*/ 1339141 w 9144000"/>
              <a:gd name="connsiteY111" fmla="*/ 4798594 h 4992300"/>
              <a:gd name="connsiteX112" fmla="*/ 1331146 w 9144000"/>
              <a:gd name="connsiteY112" fmla="*/ 4796833 h 4992300"/>
              <a:gd name="connsiteX113" fmla="*/ 1330766 w 9144000"/>
              <a:gd name="connsiteY113" fmla="*/ 4796690 h 4992300"/>
              <a:gd name="connsiteX114" fmla="*/ 1329100 w 9144000"/>
              <a:gd name="connsiteY114" fmla="*/ 4800592 h 4992300"/>
              <a:gd name="connsiteX115" fmla="*/ 1329433 w 9144000"/>
              <a:gd name="connsiteY115" fmla="*/ 4800735 h 4992300"/>
              <a:gd name="connsiteX116" fmla="*/ 1339236 w 9144000"/>
              <a:gd name="connsiteY116" fmla="*/ 4802876 h 4992300"/>
              <a:gd name="connsiteX117" fmla="*/ 1351751 w 9144000"/>
              <a:gd name="connsiteY117" fmla="*/ 4792931 h 4992300"/>
              <a:gd name="connsiteX118" fmla="*/ 1341901 w 9144000"/>
              <a:gd name="connsiteY118" fmla="*/ 4781891 h 4992300"/>
              <a:gd name="connsiteX119" fmla="*/ 1341806 w 9144000"/>
              <a:gd name="connsiteY119" fmla="*/ 4781891 h 4992300"/>
              <a:gd name="connsiteX120" fmla="*/ 1334668 w 9144000"/>
              <a:gd name="connsiteY120" fmla="*/ 4775181 h 4992300"/>
              <a:gd name="connsiteX121" fmla="*/ 1340759 w 9144000"/>
              <a:gd name="connsiteY121" fmla="*/ 4770708 h 4992300"/>
              <a:gd name="connsiteX122" fmla="*/ 1347801 w 9144000"/>
              <a:gd name="connsiteY122" fmla="*/ 4771993 h 4992300"/>
              <a:gd name="connsiteX123" fmla="*/ 1348182 w 9144000"/>
              <a:gd name="connsiteY123" fmla="*/ 4772136 h 4992300"/>
              <a:gd name="connsiteX124" fmla="*/ 1349562 w 9144000"/>
              <a:gd name="connsiteY124" fmla="*/ 4768471 h 4992300"/>
              <a:gd name="connsiteX125" fmla="*/ 1349229 w 9144000"/>
              <a:gd name="connsiteY125" fmla="*/ 4768329 h 4992300"/>
              <a:gd name="connsiteX126" fmla="*/ 1340711 w 9144000"/>
              <a:gd name="connsiteY126" fmla="*/ 4766616 h 4992300"/>
              <a:gd name="connsiteX127" fmla="*/ 1282085 w 9144000"/>
              <a:gd name="connsiteY127" fmla="*/ 4766616 h 4992300"/>
              <a:gd name="connsiteX128" fmla="*/ 1271521 w 9144000"/>
              <a:gd name="connsiteY128" fmla="*/ 4775324 h 4992300"/>
              <a:gd name="connsiteX129" fmla="*/ 1281038 w 9144000"/>
              <a:gd name="connsiteY129" fmla="*/ 4785983 h 4992300"/>
              <a:gd name="connsiteX130" fmla="*/ 1288414 w 9144000"/>
              <a:gd name="connsiteY130" fmla="*/ 4793216 h 4992300"/>
              <a:gd name="connsiteX131" fmla="*/ 1280515 w 9144000"/>
              <a:gd name="connsiteY131" fmla="*/ 4798594 h 4992300"/>
              <a:gd name="connsiteX132" fmla="*/ 1272520 w 9144000"/>
              <a:gd name="connsiteY132" fmla="*/ 4796833 h 4992300"/>
              <a:gd name="connsiteX133" fmla="*/ 1272140 w 9144000"/>
              <a:gd name="connsiteY133" fmla="*/ 4796690 h 4992300"/>
              <a:gd name="connsiteX134" fmla="*/ 1270474 w 9144000"/>
              <a:gd name="connsiteY134" fmla="*/ 4800592 h 4992300"/>
              <a:gd name="connsiteX135" fmla="*/ 1270807 w 9144000"/>
              <a:gd name="connsiteY135" fmla="*/ 4800735 h 4992300"/>
              <a:gd name="connsiteX136" fmla="*/ 1280610 w 9144000"/>
              <a:gd name="connsiteY136" fmla="*/ 4802876 h 4992300"/>
              <a:gd name="connsiteX137" fmla="*/ 1293125 w 9144000"/>
              <a:gd name="connsiteY137" fmla="*/ 4792931 h 4992300"/>
              <a:gd name="connsiteX138" fmla="*/ 1283275 w 9144000"/>
              <a:gd name="connsiteY138" fmla="*/ 4781891 h 4992300"/>
              <a:gd name="connsiteX139" fmla="*/ 1283179 w 9144000"/>
              <a:gd name="connsiteY139" fmla="*/ 4781891 h 4992300"/>
              <a:gd name="connsiteX140" fmla="*/ 1276042 w 9144000"/>
              <a:gd name="connsiteY140" fmla="*/ 4775181 h 4992300"/>
              <a:gd name="connsiteX141" fmla="*/ 1282133 w 9144000"/>
              <a:gd name="connsiteY141" fmla="*/ 4770708 h 4992300"/>
              <a:gd name="connsiteX142" fmla="*/ 1289175 w 9144000"/>
              <a:gd name="connsiteY142" fmla="*/ 4771993 h 4992300"/>
              <a:gd name="connsiteX143" fmla="*/ 1289556 w 9144000"/>
              <a:gd name="connsiteY143" fmla="*/ 4772136 h 4992300"/>
              <a:gd name="connsiteX144" fmla="*/ 1290936 w 9144000"/>
              <a:gd name="connsiteY144" fmla="*/ 4768471 h 4992300"/>
              <a:gd name="connsiteX145" fmla="*/ 1290603 w 9144000"/>
              <a:gd name="connsiteY145" fmla="*/ 4768329 h 4992300"/>
              <a:gd name="connsiteX146" fmla="*/ 1282085 w 9144000"/>
              <a:gd name="connsiteY146" fmla="*/ 4766616 h 4992300"/>
              <a:gd name="connsiteX147" fmla="*/ 1247680 w 9144000"/>
              <a:gd name="connsiteY147" fmla="*/ 4766568 h 4992300"/>
              <a:gd name="connsiteX148" fmla="*/ 1229502 w 9144000"/>
              <a:gd name="connsiteY148" fmla="*/ 4784603 h 4992300"/>
              <a:gd name="connsiteX149" fmla="*/ 1246776 w 9144000"/>
              <a:gd name="connsiteY149" fmla="*/ 4802876 h 4992300"/>
              <a:gd name="connsiteX150" fmla="*/ 1264811 w 9144000"/>
              <a:gd name="connsiteY150" fmla="*/ 4784698 h 4992300"/>
              <a:gd name="connsiteX151" fmla="*/ 1247680 w 9144000"/>
              <a:gd name="connsiteY151" fmla="*/ 4766568 h 4992300"/>
              <a:gd name="connsiteX152" fmla="*/ 507049 w 9144000"/>
              <a:gd name="connsiteY152" fmla="*/ 4475388 h 4992300"/>
              <a:gd name="connsiteX153" fmla="*/ 507049 w 9144000"/>
              <a:gd name="connsiteY153" fmla="*/ 4731782 h 4992300"/>
              <a:gd name="connsiteX154" fmla="*/ 1532673 w 9144000"/>
              <a:gd name="connsiteY154" fmla="*/ 4731782 h 4992300"/>
              <a:gd name="connsiteX155" fmla="*/ 1532673 w 9144000"/>
              <a:gd name="connsiteY155" fmla="*/ 4475388 h 4992300"/>
              <a:gd name="connsiteX156" fmla="*/ 0 w 9144000"/>
              <a:gd name="connsiteY156" fmla="*/ 0 h 4992300"/>
              <a:gd name="connsiteX157" fmla="*/ 9144000 w 9144000"/>
              <a:gd name="connsiteY157" fmla="*/ 0 h 4992300"/>
              <a:gd name="connsiteX158" fmla="*/ 9144000 w 9144000"/>
              <a:gd name="connsiteY158" fmla="*/ 4992300 h 4992300"/>
              <a:gd name="connsiteX159" fmla="*/ 0 w 9144000"/>
              <a:gd name="connsiteY159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</a:cxnLst>
            <a:rect l="l" t="t" r="r" b="b"/>
            <a:pathLst>
              <a:path w="9144000" h="4992300">
                <a:moveTo>
                  <a:pt x="1311232" y="4784368"/>
                </a:moveTo>
                <a:lnTo>
                  <a:pt x="1311255" y="4784413"/>
                </a:lnTo>
                <a:lnTo>
                  <a:pt x="1311208" y="4784413"/>
                </a:lnTo>
                <a:close/>
                <a:moveTo>
                  <a:pt x="1202473" y="4771089"/>
                </a:moveTo>
                <a:lnTo>
                  <a:pt x="1208231" y="4771089"/>
                </a:lnTo>
                <a:cubicBezTo>
                  <a:pt x="1213656" y="4771089"/>
                  <a:pt x="1215845" y="4773040"/>
                  <a:pt x="1215845" y="4777846"/>
                </a:cubicBezTo>
                <a:cubicBezTo>
                  <a:pt x="1215845" y="4782367"/>
                  <a:pt x="1213038" y="4784460"/>
                  <a:pt x="1207042" y="4784460"/>
                </a:cubicBezTo>
                <a:lnTo>
                  <a:pt x="1202473" y="4784460"/>
                </a:lnTo>
                <a:close/>
                <a:moveTo>
                  <a:pt x="1247252" y="4770660"/>
                </a:moveTo>
                <a:cubicBezTo>
                  <a:pt x="1255008" y="4770660"/>
                  <a:pt x="1260005" y="4775800"/>
                  <a:pt x="1260005" y="4784651"/>
                </a:cubicBezTo>
                <a:cubicBezTo>
                  <a:pt x="1260005" y="4793502"/>
                  <a:pt x="1255104" y="4798784"/>
                  <a:pt x="1246871" y="4798784"/>
                </a:cubicBezTo>
                <a:cubicBezTo>
                  <a:pt x="1241066" y="4798784"/>
                  <a:pt x="1234261" y="4795072"/>
                  <a:pt x="1234261" y="4784556"/>
                </a:cubicBezTo>
                <a:cubicBezTo>
                  <a:pt x="1234261" y="4775990"/>
                  <a:pt x="1239495" y="4770660"/>
                  <a:pt x="1247252" y="4770660"/>
                </a:cubicBezTo>
                <a:close/>
                <a:moveTo>
                  <a:pt x="1420466" y="4767044"/>
                </a:moveTo>
                <a:lnTo>
                  <a:pt x="1420466" y="4802305"/>
                </a:lnTo>
                <a:lnTo>
                  <a:pt x="1441689" y="4802305"/>
                </a:lnTo>
                <a:lnTo>
                  <a:pt x="1441689" y="4798213"/>
                </a:lnTo>
                <a:lnTo>
                  <a:pt x="1425272" y="4798213"/>
                </a:lnTo>
                <a:lnTo>
                  <a:pt x="1425272" y="4786649"/>
                </a:lnTo>
                <a:lnTo>
                  <a:pt x="1439452" y="4786649"/>
                </a:lnTo>
                <a:lnTo>
                  <a:pt x="1439452" y="4782557"/>
                </a:lnTo>
                <a:lnTo>
                  <a:pt x="1425224" y="4782557"/>
                </a:lnTo>
                <a:lnTo>
                  <a:pt x="1425224" y="4771089"/>
                </a:lnTo>
                <a:lnTo>
                  <a:pt x="1440547" y="4771089"/>
                </a:lnTo>
                <a:lnTo>
                  <a:pt x="1440547" y="4767044"/>
                </a:lnTo>
                <a:close/>
                <a:moveTo>
                  <a:pt x="1391343" y="4767044"/>
                </a:moveTo>
                <a:lnTo>
                  <a:pt x="1391343" y="4802305"/>
                </a:lnTo>
                <a:lnTo>
                  <a:pt x="1412566" y="4802305"/>
                </a:lnTo>
                <a:lnTo>
                  <a:pt x="1412566" y="4798213"/>
                </a:lnTo>
                <a:lnTo>
                  <a:pt x="1396101" y="4798213"/>
                </a:lnTo>
                <a:lnTo>
                  <a:pt x="1396101" y="4786649"/>
                </a:lnTo>
                <a:lnTo>
                  <a:pt x="1410330" y="4786649"/>
                </a:lnTo>
                <a:lnTo>
                  <a:pt x="1410330" y="4782557"/>
                </a:lnTo>
                <a:lnTo>
                  <a:pt x="1396101" y="4782557"/>
                </a:lnTo>
                <a:lnTo>
                  <a:pt x="1396101" y="4771089"/>
                </a:lnTo>
                <a:lnTo>
                  <a:pt x="1411424" y="4771089"/>
                </a:lnTo>
                <a:lnTo>
                  <a:pt x="1411424" y="4767044"/>
                </a:lnTo>
                <a:close/>
                <a:moveTo>
                  <a:pt x="1356129" y="4767044"/>
                </a:moveTo>
                <a:lnTo>
                  <a:pt x="1356129" y="4771231"/>
                </a:lnTo>
                <a:lnTo>
                  <a:pt x="1367883" y="4771231"/>
                </a:lnTo>
                <a:lnTo>
                  <a:pt x="1367883" y="4802305"/>
                </a:lnTo>
                <a:lnTo>
                  <a:pt x="1372689" y="4802305"/>
                </a:lnTo>
                <a:lnTo>
                  <a:pt x="1372689" y="4771231"/>
                </a:lnTo>
                <a:lnTo>
                  <a:pt x="1384443" y="4771231"/>
                </a:lnTo>
                <a:lnTo>
                  <a:pt x="1384443" y="4767044"/>
                </a:lnTo>
                <a:close/>
                <a:moveTo>
                  <a:pt x="1297170" y="4767044"/>
                </a:moveTo>
                <a:lnTo>
                  <a:pt x="1308686" y="4788934"/>
                </a:lnTo>
                <a:lnTo>
                  <a:pt x="1308686" y="4802305"/>
                </a:lnTo>
                <a:lnTo>
                  <a:pt x="1313444" y="4802305"/>
                </a:lnTo>
                <a:lnTo>
                  <a:pt x="1313444" y="4788934"/>
                </a:lnTo>
                <a:lnTo>
                  <a:pt x="1325722" y="4767044"/>
                </a:lnTo>
                <a:lnTo>
                  <a:pt x="1320487" y="4767044"/>
                </a:lnTo>
                <a:lnTo>
                  <a:pt x="1311232" y="4784368"/>
                </a:lnTo>
                <a:lnTo>
                  <a:pt x="1302547" y="4767044"/>
                </a:lnTo>
                <a:close/>
                <a:moveTo>
                  <a:pt x="1197620" y="4767044"/>
                </a:moveTo>
                <a:lnTo>
                  <a:pt x="1197620" y="4802305"/>
                </a:lnTo>
                <a:lnTo>
                  <a:pt x="1202426" y="4802305"/>
                </a:lnTo>
                <a:lnTo>
                  <a:pt x="1202426" y="4788600"/>
                </a:lnTo>
                <a:lnTo>
                  <a:pt x="1206709" y="4788600"/>
                </a:lnTo>
                <a:cubicBezTo>
                  <a:pt x="1207708" y="4788600"/>
                  <a:pt x="1208897" y="4788505"/>
                  <a:pt x="1209754" y="4788362"/>
                </a:cubicBezTo>
                <a:lnTo>
                  <a:pt x="1219414" y="4802258"/>
                </a:lnTo>
                <a:lnTo>
                  <a:pt x="1225077" y="4802258"/>
                </a:lnTo>
                <a:lnTo>
                  <a:pt x="1225124" y="4802305"/>
                </a:lnTo>
                <a:lnTo>
                  <a:pt x="1214560" y="4787173"/>
                </a:lnTo>
                <a:cubicBezTo>
                  <a:pt x="1218605" y="4785460"/>
                  <a:pt x="1220842" y="4782034"/>
                  <a:pt x="1220842" y="4777513"/>
                </a:cubicBezTo>
                <a:cubicBezTo>
                  <a:pt x="1220842" y="4770851"/>
                  <a:pt x="1216654" y="4767044"/>
                  <a:pt x="1209278" y="4767044"/>
                </a:cubicBezTo>
                <a:close/>
                <a:moveTo>
                  <a:pt x="1129619" y="4767044"/>
                </a:moveTo>
                <a:lnTo>
                  <a:pt x="1129619" y="4802305"/>
                </a:lnTo>
                <a:lnTo>
                  <a:pt x="1150842" y="4802305"/>
                </a:lnTo>
                <a:lnTo>
                  <a:pt x="1150842" y="4798213"/>
                </a:lnTo>
                <a:lnTo>
                  <a:pt x="1134425" y="4798213"/>
                </a:lnTo>
                <a:lnTo>
                  <a:pt x="1134378" y="4798213"/>
                </a:lnTo>
                <a:lnTo>
                  <a:pt x="1134378" y="4786649"/>
                </a:lnTo>
                <a:lnTo>
                  <a:pt x="1148606" y="4786649"/>
                </a:lnTo>
                <a:lnTo>
                  <a:pt x="1148606" y="4782557"/>
                </a:lnTo>
                <a:lnTo>
                  <a:pt x="1134378" y="4782557"/>
                </a:lnTo>
                <a:lnTo>
                  <a:pt x="1134378" y="4771089"/>
                </a:lnTo>
                <a:lnTo>
                  <a:pt x="1149700" y="4771089"/>
                </a:lnTo>
                <a:lnTo>
                  <a:pt x="1149700" y="4767044"/>
                </a:lnTo>
                <a:close/>
                <a:moveTo>
                  <a:pt x="1449541" y="4766996"/>
                </a:moveTo>
                <a:lnTo>
                  <a:pt x="1449541" y="4802258"/>
                </a:lnTo>
                <a:lnTo>
                  <a:pt x="1454299" y="4802258"/>
                </a:lnTo>
                <a:lnTo>
                  <a:pt x="1454299" y="4777275"/>
                </a:lnTo>
                <a:lnTo>
                  <a:pt x="1454157" y="4774515"/>
                </a:lnTo>
                <a:lnTo>
                  <a:pt x="1463864" y="4802258"/>
                </a:lnTo>
                <a:lnTo>
                  <a:pt x="1470146" y="4802258"/>
                </a:lnTo>
                <a:lnTo>
                  <a:pt x="1481185" y="4774087"/>
                </a:lnTo>
                <a:lnTo>
                  <a:pt x="1481090" y="4777180"/>
                </a:lnTo>
                <a:lnTo>
                  <a:pt x="1481090" y="4802258"/>
                </a:lnTo>
                <a:lnTo>
                  <a:pt x="1485897" y="4802258"/>
                </a:lnTo>
                <a:lnTo>
                  <a:pt x="1485897" y="4766996"/>
                </a:lnTo>
                <a:lnTo>
                  <a:pt x="1479615" y="4766996"/>
                </a:lnTo>
                <a:lnTo>
                  <a:pt x="1479615" y="4767044"/>
                </a:lnTo>
                <a:lnTo>
                  <a:pt x="1467195" y="4798403"/>
                </a:lnTo>
                <a:lnTo>
                  <a:pt x="1456155" y="4767282"/>
                </a:lnTo>
                <a:lnTo>
                  <a:pt x="1456060" y="4766996"/>
                </a:lnTo>
                <a:close/>
                <a:moveTo>
                  <a:pt x="1158313" y="4766996"/>
                </a:moveTo>
                <a:lnTo>
                  <a:pt x="1158313" y="4789885"/>
                </a:lnTo>
                <a:cubicBezTo>
                  <a:pt x="1158313" y="4801163"/>
                  <a:pt x="1167260" y="4802829"/>
                  <a:pt x="1172589" y="4802829"/>
                </a:cubicBezTo>
                <a:cubicBezTo>
                  <a:pt x="1176824" y="4802829"/>
                  <a:pt x="1186675" y="4801449"/>
                  <a:pt x="1186675" y="4788553"/>
                </a:cubicBezTo>
                <a:lnTo>
                  <a:pt x="1186675" y="4766996"/>
                </a:lnTo>
                <a:lnTo>
                  <a:pt x="1182011" y="4766996"/>
                </a:lnTo>
                <a:lnTo>
                  <a:pt x="1182011" y="4788410"/>
                </a:lnTo>
                <a:lnTo>
                  <a:pt x="1182059" y="4788458"/>
                </a:lnTo>
                <a:cubicBezTo>
                  <a:pt x="1182059" y="4795215"/>
                  <a:pt x="1178918" y="4798641"/>
                  <a:pt x="1172637" y="4798641"/>
                </a:cubicBezTo>
                <a:cubicBezTo>
                  <a:pt x="1166355" y="4798641"/>
                  <a:pt x="1163262" y="4795596"/>
                  <a:pt x="1163262" y="4789552"/>
                </a:cubicBezTo>
                <a:lnTo>
                  <a:pt x="1163262" y="4766996"/>
                </a:lnTo>
                <a:close/>
                <a:moveTo>
                  <a:pt x="1340711" y="4766616"/>
                </a:moveTo>
                <a:cubicBezTo>
                  <a:pt x="1334287" y="4766616"/>
                  <a:pt x="1330147" y="4770042"/>
                  <a:pt x="1330147" y="4775324"/>
                </a:cubicBezTo>
                <a:cubicBezTo>
                  <a:pt x="1330147" y="4781605"/>
                  <a:pt x="1335191" y="4783937"/>
                  <a:pt x="1339664" y="4785983"/>
                </a:cubicBezTo>
                <a:cubicBezTo>
                  <a:pt x="1343614" y="4787839"/>
                  <a:pt x="1347040" y="4789409"/>
                  <a:pt x="1347040" y="4793216"/>
                </a:cubicBezTo>
                <a:cubicBezTo>
                  <a:pt x="1347040" y="4798213"/>
                  <a:pt x="1340997" y="4798594"/>
                  <a:pt x="1339141" y="4798594"/>
                </a:cubicBezTo>
                <a:cubicBezTo>
                  <a:pt x="1335810" y="4798594"/>
                  <a:pt x="1333573" y="4797880"/>
                  <a:pt x="1331146" y="4796833"/>
                </a:cubicBezTo>
                <a:lnTo>
                  <a:pt x="1330766" y="4796690"/>
                </a:lnTo>
                <a:lnTo>
                  <a:pt x="1329100" y="4800592"/>
                </a:lnTo>
                <a:lnTo>
                  <a:pt x="1329433" y="4800735"/>
                </a:lnTo>
                <a:cubicBezTo>
                  <a:pt x="1331432" y="4801782"/>
                  <a:pt x="1334192" y="4802876"/>
                  <a:pt x="1339236" y="4802876"/>
                </a:cubicBezTo>
                <a:cubicBezTo>
                  <a:pt x="1346945" y="4802876"/>
                  <a:pt x="1351751" y="4799069"/>
                  <a:pt x="1351751" y="4792931"/>
                </a:cubicBezTo>
                <a:cubicBezTo>
                  <a:pt x="1351751" y="4786792"/>
                  <a:pt x="1346517" y="4784127"/>
                  <a:pt x="1341901" y="4781891"/>
                </a:cubicBezTo>
                <a:lnTo>
                  <a:pt x="1341806" y="4781891"/>
                </a:lnTo>
                <a:cubicBezTo>
                  <a:pt x="1337951" y="4780035"/>
                  <a:pt x="1334668" y="4778417"/>
                  <a:pt x="1334668" y="4775181"/>
                </a:cubicBezTo>
                <a:cubicBezTo>
                  <a:pt x="1334668" y="4771279"/>
                  <a:pt x="1338475" y="4770708"/>
                  <a:pt x="1340759" y="4770708"/>
                </a:cubicBezTo>
                <a:cubicBezTo>
                  <a:pt x="1343899" y="4770708"/>
                  <a:pt x="1345803" y="4771279"/>
                  <a:pt x="1347801" y="4771993"/>
                </a:cubicBezTo>
                <a:lnTo>
                  <a:pt x="1348182" y="4772136"/>
                </a:lnTo>
                <a:lnTo>
                  <a:pt x="1349562" y="4768471"/>
                </a:lnTo>
                <a:lnTo>
                  <a:pt x="1349229" y="4768329"/>
                </a:lnTo>
                <a:cubicBezTo>
                  <a:pt x="1347183" y="4767425"/>
                  <a:pt x="1344756" y="4766616"/>
                  <a:pt x="1340711" y="4766616"/>
                </a:cubicBezTo>
                <a:close/>
                <a:moveTo>
                  <a:pt x="1282085" y="4766616"/>
                </a:moveTo>
                <a:cubicBezTo>
                  <a:pt x="1275661" y="4766616"/>
                  <a:pt x="1271521" y="4770042"/>
                  <a:pt x="1271521" y="4775324"/>
                </a:cubicBezTo>
                <a:cubicBezTo>
                  <a:pt x="1271521" y="4781605"/>
                  <a:pt x="1276565" y="4783937"/>
                  <a:pt x="1281038" y="4785983"/>
                </a:cubicBezTo>
                <a:cubicBezTo>
                  <a:pt x="1284988" y="4787839"/>
                  <a:pt x="1288414" y="4789409"/>
                  <a:pt x="1288414" y="4793216"/>
                </a:cubicBezTo>
                <a:cubicBezTo>
                  <a:pt x="1288414" y="4798213"/>
                  <a:pt x="1282371" y="4798594"/>
                  <a:pt x="1280515" y="4798594"/>
                </a:cubicBezTo>
                <a:cubicBezTo>
                  <a:pt x="1277231" y="4798594"/>
                  <a:pt x="1274947" y="4797880"/>
                  <a:pt x="1272520" y="4796833"/>
                </a:cubicBezTo>
                <a:lnTo>
                  <a:pt x="1272140" y="4796690"/>
                </a:lnTo>
                <a:lnTo>
                  <a:pt x="1270474" y="4800592"/>
                </a:lnTo>
                <a:lnTo>
                  <a:pt x="1270807" y="4800735"/>
                </a:lnTo>
                <a:cubicBezTo>
                  <a:pt x="1272806" y="4801782"/>
                  <a:pt x="1275566" y="4802876"/>
                  <a:pt x="1280610" y="4802876"/>
                </a:cubicBezTo>
                <a:cubicBezTo>
                  <a:pt x="1288319" y="4802876"/>
                  <a:pt x="1293125" y="4799069"/>
                  <a:pt x="1293125" y="4792931"/>
                </a:cubicBezTo>
                <a:cubicBezTo>
                  <a:pt x="1293125" y="4786792"/>
                  <a:pt x="1287891" y="4784127"/>
                  <a:pt x="1283275" y="4781891"/>
                </a:cubicBezTo>
                <a:lnTo>
                  <a:pt x="1283179" y="4781891"/>
                </a:lnTo>
                <a:cubicBezTo>
                  <a:pt x="1279325" y="4780035"/>
                  <a:pt x="1276042" y="4778417"/>
                  <a:pt x="1276042" y="4775181"/>
                </a:cubicBezTo>
                <a:cubicBezTo>
                  <a:pt x="1276042" y="4771279"/>
                  <a:pt x="1279848" y="4770708"/>
                  <a:pt x="1282133" y="4770708"/>
                </a:cubicBezTo>
                <a:cubicBezTo>
                  <a:pt x="1285273" y="4770708"/>
                  <a:pt x="1287177" y="4771279"/>
                  <a:pt x="1289175" y="4771993"/>
                </a:cubicBezTo>
                <a:lnTo>
                  <a:pt x="1289556" y="4772136"/>
                </a:lnTo>
                <a:lnTo>
                  <a:pt x="1290936" y="4768471"/>
                </a:lnTo>
                <a:lnTo>
                  <a:pt x="1290603" y="4768329"/>
                </a:lnTo>
                <a:cubicBezTo>
                  <a:pt x="1288557" y="4767425"/>
                  <a:pt x="1286082" y="4766616"/>
                  <a:pt x="1282085" y="4766616"/>
                </a:cubicBezTo>
                <a:close/>
                <a:moveTo>
                  <a:pt x="1247680" y="4766568"/>
                </a:moveTo>
                <a:cubicBezTo>
                  <a:pt x="1236831" y="4766568"/>
                  <a:pt x="1229502" y="4773516"/>
                  <a:pt x="1229502" y="4784603"/>
                </a:cubicBezTo>
                <a:cubicBezTo>
                  <a:pt x="1229502" y="4795691"/>
                  <a:pt x="1235831" y="4802876"/>
                  <a:pt x="1246776" y="4802876"/>
                </a:cubicBezTo>
                <a:cubicBezTo>
                  <a:pt x="1257721" y="4802876"/>
                  <a:pt x="1264811" y="4795738"/>
                  <a:pt x="1264811" y="4784698"/>
                </a:cubicBezTo>
                <a:cubicBezTo>
                  <a:pt x="1264811" y="4773516"/>
                  <a:pt x="1258530" y="4766568"/>
                  <a:pt x="1247680" y="4766568"/>
                </a:cubicBezTo>
                <a:close/>
                <a:moveTo>
                  <a:pt x="507049" y="4475388"/>
                </a:moveTo>
                <a:lnTo>
                  <a:pt x="507049" y="4731782"/>
                </a:lnTo>
                <a:lnTo>
                  <a:pt x="1532673" y="4731782"/>
                </a:lnTo>
                <a:lnTo>
                  <a:pt x="1532673" y="4475388"/>
                </a:ln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0" y="49923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67CDBB1-23E6-E1D2-68A9-BF87B547C2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6C8B0A42-0931-8049-5EBA-A717B69D39D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8942584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Blauw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 10">
            <a:extLst>
              <a:ext uri="{FF2B5EF4-FFF2-40B4-BE49-F238E27FC236}">
                <a16:creationId xmlns:a16="http://schemas.microsoft.com/office/drawing/2014/main" id="{A472981F-0950-11BF-7532-49B71F309AFC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C5DDF5EA-C147-3529-8853-16D86285A65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2940"/>
          <a:stretch>
            <a:fillRect/>
          </a:stretch>
        </p:blipFill>
        <p:spPr>
          <a:xfrm>
            <a:off x="0" y="252000"/>
            <a:ext cx="7287816" cy="4992300"/>
          </a:xfrm>
          <a:custGeom>
            <a:avLst/>
            <a:gdLst>
              <a:gd name="connsiteX0" fmla="*/ 0 w 7287816"/>
              <a:gd name="connsiteY0" fmla="*/ 0 h 4992300"/>
              <a:gd name="connsiteX1" fmla="*/ 7287816 w 7287816"/>
              <a:gd name="connsiteY1" fmla="*/ 0 h 4992300"/>
              <a:gd name="connsiteX2" fmla="*/ 7287816 w 7287816"/>
              <a:gd name="connsiteY2" fmla="*/ 4992300 h 4992300"/>
              <a:gd name="connsiteX3" fmla="*/ 0 w 7287816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87816" h="4992300">
                <a:moveTo>
                  <a:pt x="0" y="0"/>
                </a:moveTo>
                <a:lnTo>
                  <a:pt x="7287816" y="0"/>
                </a:lnTo>
                <a:lnTo>
                  <a:pt x="7287816" y="4992300"/>
                </a:lnTo>
                <a:lnTo>
                  <a:pt x="0" y="4992300"/>
                </a:lnTo>
                <a:close/>
              </a:path>
            </a:pathLst>
          </a:custGeom>
        </p:spPr>
      </p:pic>
      <p:sp>
        <p:nvSpPr>
          <p:cNvPr id="2" name="Date" descr="{&quot;templafy&quot;:{&quot;id&quot;:&quot;e458a588-e830-4966-baff-51319caef18c&quot;}}">
            <a:extLst>
              <a:ext uri="{FF2B5EF4-FFF2-40B4-BE49-F238E27FC236}">
                <a16:creationId xmlns:a16="http://schemas.microsoft.com/office/drawing/2014/main" id="{13E8B1FD-06D3-1D3D-95CE-2EDFCFDCBF39}"/>
              </a:ext>
            </a:extLst>
          </p:cNvPr>
          <p:cNvSpPr/>
          <p:nvPr userDrawn="1"/>
        </p:nvSpPr>
        <p:spPr>
          <a:xfrm>
            <a:off x="510148" y="1958690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/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D4DF47EF-6FD3-8974-6347-19105660ECB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698579"/>
            <a:ext cx="5447738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0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/>
              <a:t>Click to edit Master text styles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030CB566-3812-DE5A-43D8-70D05DBFCA29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0148" y="3467204"/>
            <a:ext cx="5447738" cy="39676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>
            <a:lvl1pPr>
              <a:defRPr lang="en-US" sz="2100" kern="1200" smtClean="0">
                <a:solidFill>
                  <a:schemeClr val="lt1"/>
                </a:solidFill>
              </a:defRPr>
            </a:lvl1pPr>
            <a:lvl2pPr>
              <a:defRPr lang="en-US" sz="1800" smtClean="0">
                <a:solidFill>
                  <a:schemeClr val="lt1"/>
                </a:solidFill>
              </a:defRPr>
            </a:lvl2pPr>
            <a:lvl3pPr>
              <a:defRPr lang="en-US" sz="1800" smtClean="0">
                <a:solidFill>
                  <a:schemeClr val="lt1"/>
                </a:solidFill>
              </a:defRPr>
            </a:lvl3pPr>
            <a:lvl4pPr>
              <a:defRPr lang="en-US" sz="1800" smtClean="0">
                <a:solidFill>
                  <a:schemeClr val="lt1"/>
                </a:solidFill>
              </a:defRPr>
            </a:lvl4pPr>
            <a:lvl5pPr>
              <a:defRPr lang="nl-NL" sz="1800">
                <a:solidFill>
                  <a:schemeClr val="lt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7" name="Name" descr="{&quot;templafy&quot;:{&quot;id&quot;:&quot;c792b00e-953c-40de-914e-242721bc41fb&quot;}}">
            <a:extLst>
              <a:ext uri="{FF2B5EF4-FFF2-40B4-BE49-F238E27FC236}">
                <a16:creationId xmlns:a16="http://schemas.microsoft.com/office/drawing/2014/main" id="{52D0E052-B47A-F199-16AA-C3924F12888B}"/>
              </a:ext>
            </a:extLst>
          </p:cNvPr>
          <p:cNvSpPr/>
          <p:nvPr userDrawn="1"/>
        </p:nvSpPr>
        <p:spPr>
          <a:xfrm>
            <a:off x="5016501" y="4323734"/>
            <a:ext cx="36040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endParaRPr lang="en-GB" sz="105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9B6EEF4-3C3C-7A6D-E9EA-3EEA93F2D239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436475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Roo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99671FAB-65E6-606E-8018-4C0A1300A34D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rgbClr val="E85E5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93057464-881F-F2AC-F644-69FCD8F89F5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2940"/>
          <a:stretch>
            <a:fillRect/>
          </a:stretch>
        </p:blipFill>
        <p:spPr>
          <a:xfrm>
            <a:off x="7143" y="252000"/>
            <a:ext cx="7287816" cy="4992300"/>
          </a:xfrm>
          <a:custGeom>
            <a:avLst/>
            <a:gdLst>
              <a:gd name="connsiteX0" fmla="*/ 0 w 7287816"/>
              <a:gd name="connsiteY0" fmla="*/ 0 h 4992300"/>
              <a:gd name="connsiteX1" fmla="*/ 7287816 w 7287816"/>
              <a:gd name="connsiteY1" fmla="*/ 0 h 4992300"/>
              <a:gd name="connsiteX2" fmla="*/ 7287816 w 7287816"/>
              <a:gd name="connsiteY2" fmla="*/ 4992300 h 4992300"/>
              <a:gd name="connsiteX3" fmla="*/ 0 w 7287816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87816" h="4992300">
                <a:moveTo>
                  <a:pt x="0" y="0"/>
                </a:moveTo>
                <a:lnTo>
                  <a:pt x="7287816" y="0"/>
                </a:lnTo>
                <a:lnTo>
                  <a:pt x="7287816" y="4992300"/>
                </a:lnTo>
                <a:lnTo>
                  <a:pt x="0" y="4992300"/>
                </a:lnTo>
                <a:close/>
              </a:path>
            </a:pathLst>
          </a:custGeom>
        </p:spPr>
      </p:pic>
      <p:sp>
        <p:nvSpPr>
          <p:cNvPr id="2" name="Date" descr="{&quot;templafy&quot;:{&quot;id&quot;:&quot;d24c3246-7399-41ce-9e5f-ba93c98b1037&quot;}}">
            <a:extLst>
              <a:ext uri="{FF2B5EF4-FFF2-40B4-BE49-F238E27FC236}">
                <a16:creationId xmlns:a16="http://schemas.microsoft.com/office/drawing/2014/main" id="{7117D016-A9C1-0D64-7742-87E04443954D}"/>
              </a:ext>
            </a:extLst>
          </p:cNvPr>
          <p:cNvSpPr/>
          <p:nvPr userDrawn="1"/>
        </p:nvSpPr>
        <p:spPr>
          <a:xfrm>
            <a:off x="510148" y="1958690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/>
          </a:p>
        </p:txBody>
      </p:sp>
      <p:sp>
        <p:nvSpPr>
          <p:cNvPr id="6" name="Name" descr="{&quot;templafy&quot;:{&quot;id&quot;:&quot;42012309-e353-4d2b-bd9f-9a0962fb3208&quot;}}">
            <a:extLst>
              <a:ext uri="{FF2B5EF4-FFF2-40B4-BE49-F238E27FC236}">
                <a16:creationId xmlns:a16="http://schemas.microsoft.com/office/drawing/2014/main" id="{AAB0EDA1-4786-D955-7C08-6004CACDF60D}"/>
              </a:ext>
            </a:extLst>
          </p:cNvPr>
          <p:cNvSpPr/>
          <p:nvPr userDrawn="1"/>
        </p:nvSpPr>
        <p:spPr>
          <a:xfrm>
            <a:off x="5016501" y="4323734"/>
            <a:ext cx="36040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endParaRPr lang="en-GB" sz="105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2F6A2E02-FE9F-8F1C-E68C-AD2498C7038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698579"/>
            <a:ext cx="5447738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0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/>
              <a:t>Click to edit Master text styles</a:t>
            </a:r>
          </a:p>
        </p:txBody>
      </p:sp>
      <p:sp>
        <p:nvSpPr>
          <p:cNvPr id="8" name="Text Placeholder 10">
            <a:extLst>
              <a:ext uri="{FF2B5EF4-FFF2-40B4-BE49-F238E27FC236}">
                <a16:creationId xmlns:a16="http://schemas.microsoft.com/office/drawing/2014/main" id="{51935EC3-995D-0FFA-88BA-DD3C556D994F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0148" y="3467204"/>
            <a:ext cx="5447738" cy="39676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>
            <a:lvl1pPr>
              <a:defRPr lang="en-US" sz="2100" kern="1200" smtClean="0">
                <a:solidFill>
                  <a:schemeClr val="lt1"/>
                </a:solidFill>
              </a:defRPr>
            </a:lvl1pPr>
            <a:lvl2pPr>
              <a:defRPr lang="en-US" sz="1800" smtClean="0">
                <a:solidFill>
                  <a:schemeClr val="lt1"/>
                </a:solidFill>
              </a:defRPr>
            </a:lvl2pPr>
            <a:lvl3pPr>
              <a:defRPr lang="en-US" sz="1800" smtClean="0">
                <a:solidFill>
                  <a:schemeClr val="lt1"/>
                </a:solidFill>
              </a:defRPr>
            </a:lvl3pPr>
            <a:lvl4pPr>
              <a:defRPr lang="en-US" sz="1800" smtClean="0">
                <a:solidFill>
                  <a:schemeClr val="lt1"/>
                </a:solidFill>
              </a:defRPr>
            </a:lvl4pPr>
            <a:lvl5pPr>
              <a:defRPr lang="nl-NL" sz="1800">
                <a:solidFill>
                  <a:schemeClr val="lt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A11D493-990D-DF6A-4681-8C646C86BE78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213589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Groe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Freeform: Shape 14">
            <a:extLst>
              <a:ext uri="{FF2B5EF4-FFF2-40B4-BE49-F238E27FC236}">
                <a16:creationId xmlns:a16="http://schemas.microsoft.com/office/drawing/2014/main" id="{4608D4FD-3524-A95A-2881-7EB032A9ACD4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custGeom>
            <a:avLst/>
            <a:gdLst>
              <a:gd name="connsiteX0" fmla="*/ 0 w 9144000"/>
              <a:gd name="connsiteY0" fmla="*/ 0 h 4992300"/>
              <a:gd name="connsiteX1" fmla="*/ 9144000 w 9144000"/>
              <a:gd name="connsiteY1" fmla="*/ 0 h 4992300"/>
              <a:gd name="connsiteX2" fmla="*/ 9144000 w 9144000"/>
              <a:gd name="connsiteY2" fmla="*/ 4992300 h 4992300"/>
              <a:gd name="connsiteX3" fmla="*/ 0 w 9144000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0" h="4992300"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0" y="4992300"/>
                </a:ln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nl-NL"/>
          </a:p>
        </p:txBody>
      </p:sp>
      <p:pic>
        <p:nvPicPr>
          <p:cNvPr id="3" name="Green">
            <a:extLst>
              <a:ext uri="{FF2B5EF4-FFF2-40B4-BE49-F238E27FC236}">
                <a16:creationId xmlns:a16="http://schemas.microsoft.com/office/drawing/2014/main" id="{6E25C3DD-D417-C9BA-4E18-CFCAC91E690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252000"/>
            <a:ext cx="8153842" cy="4942800"/>
          </a:xfrm>
          <a:prstGeom prst="rect">
            <a:avLst/>
          </a:prstGeom>
        </p:spPr>
      </p:pic>
      <p:sp>
        <p:nvSpPr>
          <p:cNvPr id="2" name="Date" descr="{&quot;templafy&quot;:{&quot;id&quot;:&quot;2c42a3ba-527e-47f7-b701-04b9c097759e&quot;}}">
            <a:extLst>
              <a:ext uri="{FF2B5EF4-FFF2-40B4-BE49-F238E27FC236}">
                <a16:creationId xmlns:a16="http://schemas.microsoft.com/office/drawing/2014/main" id="{026F991B-FA14-5DAA-0AA7-CAD46A865395}"/>
              </a:ext>
            </a:extLst>
          </p:cNvPr>
          <p:cNvSpPr/>
          <p:nvPr userDrawn="1"/>
        </p:nvSpPr>
        <p:spPr>
          <a:xfrm>
            <a:off x="510148" y="1958690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67FA8EFE-4C47-FCE3-B6AC-5447FCFDCFB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698579"/>
            <a:ext cx="5447738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0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/>
              <a:t>Click to edit Master text styles</a:t>
            </a:r>
          </a:p>
        </p:txBody>
      </p:sp>
      <p:sp>
        <p:nvSpPr>
          <p:cNvPr id="8" name="Text Placeholder 10">
            <a:extLst>
              <a:ext uri="{FF2B5EF4-FFF2-40B4-BE49-F238E27FC236}">
                <a16:creationId xmlns:a16="http://schemas.microsoft.com/office/drawing/2014/main" id="{7F122860-6A8E-7F6C-9873-2F5C94593E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0148" y="3467204"/>
            <a:ext cx="5447738" cy="39676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>
            <a:lvl1pPr>
              <a:defRPr lang="en-US" sz="2100" kern="1200" smtClean="0">
                <a:solidFill>
                  <a:schemeClr val="lt1"/>
                </a:solidFill>
              </a:defRPr>
            </a:lvl1pPr>
            <a:lvl2pPr>
              <a:defRPr lang="en-US" sz="1800" smtClean="0">
                <a:solidFill>
                  <a:schemeClr val="lt1"/>
                </a:solidFill>
              </a:defRPr>
            </a:lvl2pPr>
            <a:lvl3pPr>
              <a:defRPr lang="en-US" sz="1800" smtClean="0">
                <a:solidFill>
                  <a:schemeClr val="lt1"/>
                </a:solidFill>
              </a:defRPr>
            </a:lvl3pPr>
            <a:lvl4pPr>
              <a:defRPr lang="en-US" sz="1800" smtClean="0">
                <a:solidFill>
                  <a:schemeClr val="lt1"/>
                </a:solidFill>
              </a:defRPr>
            </a:lvl4pPr>
            <a:lvl5pPr>
              <a:defRPr lang="nl-NL" sz="1800">
                <a:solidFill>
                  <a:schemeClr val="lt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Name" descr="{&quot;templafy&quot;:{&quot;id&quot;:&quot;7084b82e-716a-494f-a685-477c8996a2a7&quot;}}">
            <a:extLst>
              <a:ext uri="{FF2B5EF4-FFF2-40B4-BE49-F238E27FC236}">
                <a16:creationId xmlns:a16="http://schemas.microsoft.com/office/drawing/2014/main" id="{15110289-8183-480C-568E-24667C007AD1}"/>
              </a:ext>
            </a:extLst>
          </p:cNvPr>
          <p:cNvSpPr/>
          <p:nvPr userDrawn="1"/>
        </p:nvSpPr>
        <p:spPr>
          <a:xfrm>
            <a:off x="5016501" y="4323734"/>
            <a:ext cx="36040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endParaRPr lang="en-GB" sz="105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C52DA36-D591-DF07-B265-D154D16822ED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2234471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Afbeelding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lue">
            <a:extLst>
              <a:ext uri="{FF2B5EF4-FFF2-40B4-BE49-F238E27FC236}">
                <a16:creationId xmlns:a16="http://schemas.microsoft.com/office/drawing/2014/main" id="{E556118B-C8DF-73D4-809C-841F54BD675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-7144" y="2476785"/>
            <a:ext cx="7954804" cy="2666715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11943111-28A3-732F-8E0A-651AB9F68370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252000"/>
            <a:ext cx="9144000" cy="4992300"/>
          </a:xfrm>
          <a:custGeom>
            <a:avLst/>
            <a:gdLst>
              <a:gd name="connsiteX0" fmla="*/ 0 w 9144000"/>
              <a:gd name="connsiteY0" fmla="*/ 0 h 4992300"/>
              <a:gd name="connsiteX1" fmla="*/ 9144000 w 9144000"/>
              <a:gd name="connsiteY1" fmla="*/ 0 h 4992300"/>
              <a:gd name="connsiteX2" fmla="*/ 9144000 w 9144000"/>
              <a:gd name="connsiteY2" fmla="*/ 4992300 h 4992300"/>
              <a:gd name="connsiteX3" fmla="*/ 7935389 w 9144000"/>
              <a:gd name="connsiteY3" fmla="*/ 4992300 h 4992300"/>
              <a:gd name="connsiteX4" fmla="*/ 7732783 w 9144000"/>
              <a:gd name="connsiteY4" fmla="*/ 4758404 h 4992300"/>
              <a:gd name="connsiteX5" fmla="*/ 2269973 w 9144000"/>
              <a:gd name="connsiteY5" fmla="*/ 2340549 h 4992300"/>
              <a:gd name="connsiteX6" fmla="*/ 75387 w 9144000"/>
              <a:gd name="connsiteY6" fmla="*/ 2672339 h 4992300"/>
              <a:gd name="connsiteX7" fmla="*/ 0 w 9144000"/>
              <a:gd name="connsiteY7" fmla="*/ 2697847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9144000" h="4992300"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7935389" y="4992300"/>
                </a:lnTo>
                <a:lnTo>
                  <a:pt x="7732783" y="4758404"/>
                </a:lnTo>
                <a:cubicBezTo>
                  <a:pt x="6382775" y="3273065"/>
                  <a:pt x="4435274" y="2340549"/>
                  <a:pt x="2269973" y="2340549"/>
                </a:cubicBezTo>
                <a:cubicBezTo>
                  <a:pt x="1505749" y="2340549"/>
                  <a:pt x="768656" y="2456710"/>
                  <a:pt x="75387" y="2672339"/>
                </a:cubicBezTo>
                <a:lnTo>
                  <a:pt x="0" y="2697847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>
            <a:noAutofit/>
          </a:bodyPr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2" name="Date" descr="{&quot;templafy&quot;:{&quot;id&quot;:&quot;c9eb9a8b-24c7-49f7-8380-6c64e3f99ea5&quot;}}">
            <a:extLst>
              <a:ext uri="{FF2B5EF4-FFF2-40B4-BE49-F238E27FC236}">
                <a16:creationId xmlns:a16="http://schemas.microsoft.com/office/drawing/2014/main" id="{FA64D90C-FBCE-C255-7637-2D003C5018B5}"/>
              </a:ext>
            </a:extLst>
          </p:cNvPr>
          <p:cNvSpPr/>
          <p:nvPr userDrawn="1"/>
        </p:nvSpPr>
        <p:spPr>
          <a:xfrm>
            <a:off x="511200" y="2856963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/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825ADDEB-A532-B0A1-C6BA-FBC7A98FEB9F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10147" y="3093668"/>
            <a:ext cx="4768147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7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GB" b="0" i="0" err="1">
                <a:solidFill>
                  <a:srgbClr val="FFFFFF"/>
                </a:solidFill>
                <a:effectLst/>
                <a:latin typeface="-apple-system"/>
              </a:rPr>
              <a:t>Titel</a:t>
            </a:r>
            <a:r>
              <a:rPr lang="en-GB" b="0" i="0">
                <a:solidFill>
                  <a:srgbClr val="FFFFFF"/>
                </a:solidFill>
                <a:effectLst/>
                <a:latin typeface="-apple-system"/>
              </a:rPr>
              <a:t> over </a:t>
            </a:r>
            <a:r>
              <a:rPr lang="en-GB" b="0" i="0" err="1">
                <a:solidFill>
                  <a:srgbClr val="FFFFFF"/>
                </a:solidFill>
                <a:effectLst/>
                <a:latin typeface="-apple-system"/>
              </a:rPr>
              <a:t>één</a:t>
            </a:r>
            <a:r>
              <a:rPr lang="en-GB" b="0" i="0">
                <a:solidFill>
                  <a:srgbClr val="FFFFFF"/>
                </a:solidFill>
                <a:effectLst/>
                <a:latin typeface="-apple-system"/>
              </a:rPr>
              <a:t> regel</a:t>
            </a:r>
            <a:endParaRPr lang="en-US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287A57A-E449-8F3B-0E2D-4DD5858DBD11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464733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Afbeelding) 2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A5F1B40-8C97-EC46-7D5D-9EEBA1D1E11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252000"/>
            <a:ext cx="9144000" cy="4992300"/>
          </a:xfrm>
          <a:custGeom>
            <a:avLst/>
            <a:gdLst>
              <a:gd name="connsiteX0" fmla="*/ 0 w 9144000"/>
              <a:gd name="connsiteY0" fmla="*/ 0 h 4992300"/>
              <a:gd name="connsiteX1" fmla="*/ 9144000 w 9144000"/>
              <a:gd name="connsiteY1" fmla="*/ 0 h 4992300"/>
              <a:gd name="connsiteX2" fmla="*/ 9144000 w 9144000"/>
              <a:gd name="connsiteY2" fmla="*/ 4992300 h 4992300"/>
              <a:gd name="connsiteX3" fmla="*/ 4398438 w 9144000"/>
              <a:gd name="connsiteY3" fmla="*/ 4992300 h 4992300"/>
              <a:gd name="connsiteX4" fmla="*/ 4859975 w 9144000"/>
              <a:gd name="connsiteY4" fmla="*/ 2653786 h 4992300"/>
              <a:gd name="connsiteX5" fmla="*/ 0 w 9144000"/>
              <a:gd name="connsiteY5" fmla="*/ 1694939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144000" h="4992300"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4398438" y="4992300"/>
                </a:lnTo>
                <a:lnTo>
                  <a:pt x="4859975" y="2653786"/>
                </a:lnTo>
                <a:lnTo>
                  <a:pt x="0" y="1694939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t">
            <a:noAutofit/>
          </a:bodyPr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pic>
        <p:nvPicPr>
          <p:cNvPr id="6" name="Blue">
            <a:extLst>
              <a:ext uri="{FF2B5EF4-FFF2-40B4-BE49-F238E27FC236}">
                <a16:creationId xmlns:a16="http://schemas.microsoft.com/office/drawing/2014/main" id="{8D26B84C-B6C5-1FEB-5E2E-009D0F9AABC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1836420"/>
            <a:ext cx="4862029" cy="3306180"/>
          </a:xfrm>
          <a:prstGeom prst="rect">
            <a:avLst/>
          </a:prstGeom>
        </p:spPr>
      </p:pic>
      <p:sp>
        <p:nvSpPr>
          <p:cNvPr id="3" name="Date" descr="{&quot;templafy&quot;:{&quot;id&quot;:&quot;65baea5d-ba9e-49a7-91e1-4ab9339cdc26&quot;}}">
            <a:extLst>
              <a:ext uri="{FF2B5EF4-FFF2-40B4-BE49-F238E27FC236}">
                <a16:creationId xmlns:a16="http://schemas.microsoft.com/office/drawing/2014/main" id="{ED6CB6AF-71CB-7105-893B-F5B32ABCC0D7}"/>
              </a:ext>
            </a:extLst>
          </p:cNvPr>
          <p:cNvSpPr/>
          <p:nvPr userDrawn="1"/>
        </p:nvSpPr>
        <p:spPr>
          <a:xfrm>
            <a:off x="510148" y="2406962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A92EBDA3-E0CB-39B2-67F5-12953AC42FF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747340"/>
            <a:ext cx="4233302" cy="111495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7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/>
              <a:t>Click to edit Master text styles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E0B77FF3-A5D7-9506-4DB8-D55048A22D4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9508237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BF8276-74E6-4CFA-19A0-9C3A256948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1ED8DEC5-E7F6-1780-5518-775B4FF67C68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511200" y="1120140"/>
            <a:ext cx="8126878" cy="325892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14510940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tekst en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BF8276-74E6-4CFA-19A0-9C3A256948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67A72BE-B12E-381F-1863-C7FF9C70F74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7" y="1120140"/>
            <a:ext cx="3797364" cy="325892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F6DED9DE-B63F-6397-27CB-0718C5F6A7D2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835291" y="1120140"/>
            <a:ext cx="3804979" cy="3258928"/>
          </a:xfrm>
        </p:spPr>
        <p:txBody>
          <a:bodyPr/>
          <a:lstStyle/>
          <a:p>
            <a:r>
              <a:rPr lang="en-GB" err="1"/>
              <a:t>Klikken</a:t>
            </a:r>
            <a:r>
              <a:rPr lang="en-GB"/>
              <a:t> om </a:t>
            </a:r>
            <a:r>
              <a:rPr lang="en-GB" err="1"/>
              <a:t>tekst</a:t>
            </a:r>
            <a:r>
              <a:rPr lang="en-GB"/>
              <a:t> of </a:t>
            </a:r>
            <a:r>
              <a:rPr lang="en-GB" err="1"/>
              <a:t>afbeelding</a:t>
            </a:r>
            <a:r>
              <a:rPr lang="en-GB"/>
              <a:t> toe </a:t>
            </a:r>
            <a:r>
              <a:rPr lang="en-GB" err="1"/>
              <a:t>te</a:t>
            </a:r>
            <a:r>
              <a:rPr lang="en-GB"/>
              <a:t> </a:t>
            </a:r>
            <a:r>
              <a:rPr lang="en-GB" err="1"/>
              <a:t>voegen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8016335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Roo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99671FAB-65E6-606E-8018-4C0A1300A34D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rgbClr val="E85E5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93057464-881F-F2AC-F644-69FCD8F89F5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rcRect t="2940"/>
          <a:stretch>
            <a:fillRect/>
          </a:stretch>
        </p:blipFill>
        <p:spPr>
          <a:xfrm>
            <a:off x="7143" y="252000"/>
            <a:ext cx="7287816" cy="4992300"/>
          </a:xfrm>
          <a:custGeom>
            <a:avLst/>
            <a:gdLst>
              <a:gd name="connsiteX0" fmla="*/ 0 w 7287816"/>
              <a:gd name="connsiteY0" fmla="*/ 0 h 4992300"/>
              <a:gd name="connsiteX1" fmla="*/ 7287816 w 7287816"/>
              <a:gd name="connsiteY1" fmla="*/ 0 h 4992300"/>
              <a:gd name="connsiteX2" fmla="*/ 7287816 w 7287816"/>
              <a:gd name="connsiteY2" fmla="*/ 4992300 h 4992300"/>
              <a:gd name="connsiteX3" fmla="*/ 0 w 7287816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87816" h="4992300">
                <a:moveTo>
                  <a:pt x="0" y="0"/>
                </a:moveTo>
                <a:lnTo>
                  <a:pt x="7287816" y="0"/>
                </a:lnTo>
                <a:lnTo>
                  <a:pt x="7287816" y="4992300"/>
                </a:lnTo>
                <a:lnTo>
                  <a:pt x="0" y="4992300"/>
                </a:lnTo>
                <a:close/>
              </a:path>
            </a:pathLst>
          </a:custGeom>
        </p:spPr>
      </p:pic>
      <p:sp>
        <p:nvSpPr>
          <p:cNvPr id="2" name="Date" descr="{&quot;templafy&quot;:{&quot;id&quot;:&quot;cfeee182-eb67-4221-b7d2-a75c0a92f2ef&quot;}}">
            <a:extLst>
              <a:ext uri="{FF2B5EF4-FFF2-40B4-BE49-F238E27FC236}">
                <a16:creationId xmlns:a16="http://schemas.microsoft.com/office/drawing/2014/main" id="{7117D016-A9C1-0D64-7742-87E04443954D}"/>
              </a:ext>
            </a:extLst>
          </p:cNvPr>
          <p:cNvSpPr/>
          <p:nvPr userDrawn="1"/>
        </p:nvSpPr>
        <p:spPr>
          <a:xfrm>
            <a:off x="510148" y="1958690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/>
          </a:p>
        </p:txBody>
      </p:sp>
      <p:sp>
        <p:nvSpPr>
          <p:cNvPr id="6" name="Name" descr="{&quot;templafy&quot;:{&quot;id&quot;:&quot;d1978848-aeaa-41ba-9e38-9fc304ae0376&quot;}}">
            <a:extLst>
              <a:ext uri="{FF2B5EF4-FFF2-40B4-BE49-F238E27FC236}">
                <a16:creationId xmlns:a16="http://schemas.microsoft.com/office/drawing/2014/main" id="{AAB0EDA1-4786-D955-7C08-6004CACDF60D}"/>
              </a:ext>
            </a:extLst>
          </p:cNvPr>
          <p:cNvSpPr/>
          <p:nvPr userDrawn="1"/>
        </p:nvSpPr>
        <p:spPr>
          <a:xfrm>
            <a:off x="5016501" y="4323734"/>
            <a:ext cx="36040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endParaRPr lang="en-GB" sz="105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2F6A2E02-FE9F-8F1C-E68C-AD2498C70382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698579"/>
            <a:ext cx="5447738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0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/>
              <a:t>Click to edit Master text styles</a:t>
            </a:r>
          </a:p>
        </p:txBody>
      </p:sp>
      <p:sp>
        <p:nvSpPr>
          <p:cNvPr id="8" name="Text Placeholder 10">
            <a:extLst>
              <a:ext uri="{FF2B5EF4-FFF2-40B4-BE49-F238E27FC236}">
                <a16:creationId xmlns:a16="http://schemas.microsoft.com/office/drawing/2014/main" id="{51935EC3-995D-0FFA-88BA-DD3C556D994F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0148" y="3467204"/>
            <a:ext cx="5447738" cy="39676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>
            <a:lvl1pPr>
              <a:defRPr lang="en-US" sz="2100" kern="1200" smtClean="0">
                <a:solidFill>
                  <a:schemeClr val="lt1"/>
                </a:solidFill>
              </a:defRPr>
            </a:lvl1pPr>
            <a:lvl2pPr>
              <a:defRPr lang="en-US" sz="1800" smtClean="0">
                <a:solidFill>
                  <a:schemeClr val="lt1"/>
                </a:solidFill>
              </a:defRPr>
            </a:lvl2pPr>
            <a:lvl3pPr>
              <a:defRPr lang="en-US" sz="1800" smtClean="0">
                <a:solidFill>
                  <a:schemeClr val="lt1"/>
                </a:solidFill>
              </a:defRPr>
            </a:lvl3pPr>
            <a:lvl4pPr>
              <a:defRPr lang="en-US" sz="1800" smtClean="0">
                <a:solidFill>
                  <a:schemeClr val="lt1"/>
                </a:solidFill>
              </a:defRPr>
            </a:lvl4pPr>
            <a:lvl5pPr>
              <a:defRPr lang="nl-NL" sz="1800">
                <a:solidFill>
                  <a:schemeClr val="lt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EA11D493-990D-DF6A-4681-8C646C86BE78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8713585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twee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6BF8276-74E6-4CFA-19A0-9C3A256948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8A1F67DD-BD03-DFF8-A760-ADDAD75D6A3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511200" y="1120140"/>
            <a:ext cx="3797510" cy="325892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F8942AED-FAE1-1E30-F892-CB3247362C8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35292" y="1120140"/>
            <a:ext cx="3804979" cy="3258928"/>
          </a:xfrm>
        </p:spPr>
        <p:txBody>
          <a:bodyPr/>
          <a:lstStyle/>
          <a:p>
            <a:r>
              <a:rPr lang="en-GB" err="1"/>
              <a:t>Klikken</a:t>
            </a:r>
            <a:r>
              <a:rPr lang="en-GB"/>
              <a:t> om </a:t>
            </a:r>
            <a:r>
              <a:rPr lang="en-GB" err="1"/>
              <a:t>tekst</a:t>
            </a:r>
            <a:r>
              <a:rPr lang="en-GB"/>
              <a:t> of </a:t>
            </a:r>
            <a:r>
              <a:rPr lang="en-GB" err="1"/>
              <a:t>afbeelding</a:t>
            </a:r>
            <a:r>
              <a:rPr lang="en-GB"/>
              <a:t> toe </a:t>
            </a:r>
            <a:r>
              <a:rPr lang="en-GB" err="1"/>
              <a:t>te</a:t>
            </a:r>
            <a:r>
              <a:rPr lang="en-GB"/>
              <a:t> </a:t>
            </a:r>
            <a:r>
              <a:rPr lang="en-GB" err="1"/>
              <a:t>voegen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2639330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leurverloop link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B00A1EB-6381-E341-B4CF-FEDC7E23D7BF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01B50ED7-BC71-BBC1-D94D-318F228236BD}"/>
              </a:ext>
            </a:extLst>
          </p:cNvPr>
          <p:cNvSpPr/>
          <p:nvPr userDrawn="1"/>
        </p:nvSpPr>
        <p:spPr>
          <a:xfrm>
            <a:off x="0" y="252000"/>
            <a:ext cx="3060000" cy="4992300"/>
          </a:xfrm>
          <a:custGeom>
            <a:avLst/>
            <a:gdLst>
              <a:gd name="connsiteX0" fmla="*/ 0 w 3060000"/>
              <a:gd name="connsiteY0" fmla="*/ 0 h 4992300"/>
              <a:gd name="connsiteX1" fmla="*/ 3060000 w 3060000"/>
              <a:gd name="connsiteY1" fmla="*/ 0 h 4992300"/>
              <a:gd name="connsiteX2" fmla="*/ 3060000 w 3060000"/>
              <a:gd name="connsiteY2" fmla="*/ 4992300 h 4992300"/>
              <a:gd name="connsiteX3" fmla="*/ 0 w 3060000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60000" h="4992300">
                <a:moveTo>
                  <a:pt x="0" y="0"/>
                </a:moveTo>
                <a:lnTo>
                  <a:pt x="3060000" y="0"/>
                </a:lnTo>
                <a:lnTo>
                  <a:pt x="3060000" y="4992300"/>
                </a:lnTo>
                <a:lnTo>
                  <a:pt x="0" y="4992300"/>
                </a:lnTo>
                <a:close/>
              </a:path>
            </a:pathLst>
          </a:custGeom>
          <a:gradFill>
            <a:gsLst>
              <a:gs pos="0">
                <a:schemeClr val="accent1"/>
              </a:gs>
              <a:gs pos="100000">
                <a:schemeClr val="accent2"/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67A72BE-B12E-381F-1863-C7FF9C70F74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0542" y="1796400"/>
            <a:ext cx="2015258" cy="2584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1" name="Content Placeholder 5">
            <a:extLst>
              <a:ext uri="{FF2B5EF4-FFF2-40B4-BE49-F238E27FC236}">
                <a16:creationId xmlns:a16="http://schemas.microsoft.com/office/drawing/2014/main" id="{9EC374C0-C935-AE39-C577-7C7447F8C1B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594201" y="435548"/>
            <a:ext cx="5046070" cy="3943520"/>
          </a:xfrm>
        </p:spPr>
        <p:txBody>
          <a:bodyPr/>
          <a:lstStyle/>
          <a:p>
            <a:r>
              <a:rPr lang="en-GB" err="1"/>
              <a:t>Klikken</a:t>
            </a:r>
            <a:r>
              <a:rPr lang="en-GB"/>
              <a:t> om </a:t>
            </a:r>
            <a:r>
              <a:rPr lang="en-GB" err="1"/>
              <a:t>tekst</a:t>
            </a:r>
            <a:r>
              <a:rPr lang="en-GB"/>
              <a:t> of </a:t>
            </a:r>
            <a:r>
              <a:rPr lang="en-GB" err="1"/>
              <a:t>afbeelding</a:t>
            </a:r>
            <a:r>
              <a:rPr lang="en-GB"/>
              <a:t> toe </a:t>
            </a:r>
            <a:r>
              <a:rPr lang="en-GB" err="1"/>
              <a:t>te</a:t>
            </a:r>
            <a:r>
              <a:rPr lang="en-GB"/>
              <a:t> </a:t>
            </a:r>
            <a:r>
              <a:rPr lang="en-GB" err="1"/>
              <a:t>voegen</a:t>
            </a:r>
            <a:endParaRPr lang="en-GB"/>
          </a:p>
        </p:txBody>
      </p:sp>
      <p:sp>
        <p:nvSpPr>
          <p:cNvPr id="18" name="Title 17">
            <a:extLst>
              <a:ext uri="{FF2B5EF4-FFF2-40B4-BE49-F238E27FC236}">
                <a16:creationId xmlns:a16="http://schemas.microsoft.com/office/drawing/2014/main" id="{4A16BE21-A2AE-640F-E15C-4C56840EFE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1348" y="435547"/>
            <a:ext cx="2014452" cy="10872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5220F98-0FAC-CDA7-67A0-ECF99281A12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6487" y="4582436"/>
            <a:ext cx="1112400" cy="4138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2841044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leurverloop rech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08ABE741-2488-CF81-B0CC-FE756926756B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ED49BE91-596B-DA89-FBE1-69E2C2785275}"/>
              </a:ext>
            </a:extLst>
          </p:cNvPr>
          <p:cNvSpPr/>
          <p:nvPr userDrawn="1"/>
        </p:nvSpPr>
        <p:spPr>
          <a:xfrm>
            <a:off x="6084000" y="252000"/>
            <a:ext cx="3060000" cy="4992300"/>
          </a:xfrm>
          <a:custGeom>
            <a:avLst/>
            <a:gdLst>
              <a:gd name="connsiteX0" fmla="*/ 0 w 3060000"/>
              <a:gd name="connsiteY0" fmla="*/ 0 h 4992300"/>
              <a:gd name="connsiteX1" fmla="*/ 3060000 w 3060000"/>
              <a:gd name="connsiteY1" fmla="*/ 0 h 4992300"/>
              <a:gd name="connsiteX2" fmla="*/ 3060000 w 3060000"/>
              <a:gd name="connsiteY2" fmla="*/ 4992300 h 4992300"/>
              <a:gd name="connsiteX3" fmla="*/ 0 w 3060000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60000" h="4992300">
                <a:moveTo>
                  <a:pt x="0" y="0"/>
                </a:moveTo>
                <a:lnTo>
                  <a:pt x="3060000" y="0"/>
                </a:lnTo>
                <a:lnTo>
                  <a:pt x="3060000" y="4992300"/>
                </a:lnTo>
                <a:lnTo>
                  <a:pt x="0" y="4992300"/>
                </a:lnTo>
                <a:close/>
              </a:path>
            </a:pathLst>
          </a:custGeom>
          <a:gradFill>
            <a:gsLst>
              <a:gs pos="0">
                <a:schemeClr val="accent1"/>
              </a:gs>
              <a:gs pos="100000">
                <a:schemeClr val="accent2"/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344EEB74-3D0D-D422-4997-5FF839E959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94541" y="435548"/>
            <a:ext cx="2016000" cy="1086405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20" name="Text Placeholder 15">
            <a:extLst>
              <a:ext uri="{FF2B5EF4-FFF2-40B4-BE49-F238E27FC236}">
                <a16:creationId xmlns:a16="http://schemas.microsoft.com/office/drawing/2014/main" id="{9A456415-937D-EDA0-96CE-C076141B858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628918" y="1796022"/>
            <a:ext cx="2016000" cy="258304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4" name="Content Placeholder 5">
            <a:extLst>
              <a:ext uri="{FF2B5EF4-FFF2-40B4-BE49-F238E27FC236}">
                <a16:creationId xmlns:a16="http://schemas.microsoft.com/office/drawing/2014/main" id="{C97DF92B-D572-18ED-78FB-C6F41FFC6EDC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11199" y="435548"/>
            <a:ext cx="5062259" cy="3943520"/>
          </a:xfrm>
        </p:spPr>
        <p:txBody>
          <a:bodyPr/>
          <a:lstStyle/>
          <a:p>
            <a:r>
              <a:rPr lang="en-GB" err="1"/>
              <a:t>Klikken</a:t>
            </a:r>
            <a:r>
              <a:rPr lang="en-GB"/>
              <a:t> om </a:t>
            </a:r>
            <a:r>
              <a:rPr lang="en-GB" err="1"/>
              <a:t>tekst</a:t>
            </a:r>
            <a:r>
              <a:rPr lang="en-GB"/>
              <a:t> of </a:t>
            </a:r>
            <a:r>
              <a:rPr lang="en-GB" err="1"/>
              <a:t>afbeelding</a:t>
            </a:r>
            <a:r>
              <a:rPr lang="en-GB"/>
              <a:t> toe </a:t>
            </a:r>
            <a:r>
              <a:rPr lang="en-GB" err="1"/>
              <a:t>te</a:t>
            </a:r>
            <a:r>
              <a:rPr lang="en-GB"/>
              <a:t> </a:t>
            </a:r>
            <a:r>
              <a:rPr lang="en-GB" err="1"/>
              <a:t>voegen</a:t>
            </a:r>
            <a:endParaRPr lang="en-GB"/>
          </a:p>
        </p:txBody>
      </p:sp>
      <p:sp>
        <p:nvSpPr>
          <p:cNvPr id="2" name="Slide Number Placeholder 2">
            <a:extLst>
              <a:ext uri="{FF2B5EF4-FFF2-40B4-BE49-F238E27FC236}">
                <a16:creationId xmlns:a16="http://schemas.microsoft.com/office/drawing/2014/main" id="{30A54039-8A90-CDCC-05F5-A87EB2B97B1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8119110" y="4741067"/>
            <a:ext cx="519115" cy="197644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5D098EA-EC7A-7110-6DD7-A06000A8E1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3313313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0D39B93F-4960-5CF8-D79E-C97A2C76BE87}"/>
              </a:ext>
            </a:extLst>
          </p:cNvPr>
          <p:cNvSpPr/>
          <p:nvPr userDrawn="1"/>
        </p:nvSpPr>
        <p:spPr>
          <a:xfrm>
            <a:off x="0" y="252000"/>
            <a:ext cx="9144000" cy="4896000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35D098EA-EC7A-7110-6DD7-A06000A8E16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36821230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phic 4" hidden="1">
            <a:extLst>
              <a:ext uri="{FF2B5EF4-FFF2-40B4-BE49-F238E27FC236}">
                <a16:creationId xmlns:a16="http://schemas.microsoft.com/office/drawing/2014/main" id="{20B60159-27EF-393C-8AB6-40BE1DCA8F2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A241DF0A-F250-CC7C-A747-38D0DEF4E13D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252000"/>
            <a:ext cx="9144000" cy="4992300"/>
          </a:xfrm>
          <a:custGeom>
            <a:avLst/>
            <a:gdLst>
              <a:gd name="connsiteX0" fmla="*/ 1311232 w 9144000"/>
              <a:gd name="connsiteY0" fmla="*/ 4784368 h 4992300"/>
              <a:gd name="connsiteX1" fmla="*/ 1311255 w 9144000"/>
              <a:gd name="connsiteY1" fmla="*/ 4784413 h 4992300"/>
              <a:gd name="connsiteX2" fmla="*/ 1311208 w 9144000"/>
              <a:gd name="connsiteY2" fmla="*/ 4784413 h 4992300"/>
              <a:gd name="connsiteX3" fmla="*/ 1202473 w 9144000"/>
              <a:gd name="connsiteY3" fmla="*/ 4771089 h 4992300"/>
              <a:gd name="connsiteX4" fmla="*/ 1208231 w 9144000"/>
              <a:gd name="connsiteY4" fmla="*/ 4771089 h 4992300"/>
              <a:gd name="connsiteX5" fmla="*/ 1215845 w 9144000"/>
              <a:gd name="connsiteY5" fmla="*/ 4777846 h 4992300"/>
              <a:gd name="connsiteX6" fmla="*/ 1207042 w 9144000"/>
              <a:gd name="connsiteY6" fmla="*/ 4784460 h 4992300"/>
              <a:gd name="connsiteX7" fmla="*/ 1202473 w 9144000"/>
              <a:gd name="connsiteY7" fmla="*/ 4784460 h 4992300"/>
              <a:gd name="connsiteX8" fmla="*/ 1247252 w 9144000"/>
              <a:gd name="connsiteY8" fmla="*/ 4770660 h 4992300"/>
              <a:gd name="connsiteX9" fmla="*/ 1260005 w 9144000"/>
              <a:gd name="connsiteY9" fmla="*/ 4784651 h 4992300"/>
              <a:gd name="connsiteX10" fmla="*/ 1246871 w 9144000"/>
              <a:gd name="connsiteY10" fmla="*/ 4798784 h 4992300"/>
              <a:gd name="connsiteX11" fmla="*/ 1234261 w 9144000"/>
              <a:gd name="connsiteY11" fmla="*/ 4784556 h 4992300"/>
              <a:gd name="connsiteX12" fmla="*/ 1247252 w 9144000"/>
              <a:gd name="connsiteY12" fmla="*/ 4770660 h 4992300"/>
              <a:gd name="connsiteX13" fmla="*/ 1420466 w 9144000"/>
              <a:gd name="connsiteY13" fmla="*/ 4767044 h 4992300"/>
              <a:gd name="connsiteX14" fmla="*/ 1420466 w 9144000"/>
              <a:gd name="connsiteY14" fmla="*/ 4802305 h 4992300"/>
              <a:gd name="connsiteX15" fmla="*/ 1441689 w 9144000"/>
              <a:gd name="connsiteY15" fmla="*/ 4802305 h 4992300"/>
              <a:gd name="connsiteX16" fmla="*/ 1441689 w 9144000"/>
              <a:gd name="connsiteY16" fmla="*/ 4798213 h 4992300"/>
              <a:gd name="connsiteX17" fmla="*/ 1425272 w 9144000"/>
              <a:gd name="connsiteY17" fmla="*/ 4798213 h 4992300"/>
              <a:gd name="connsiteX18" fmla="*/ 1425272 w 9144000"/>
              <a:gd name="connsiteY18" fmla="*/ 4786649 h 4992300"/>
              <a:gd name="connsiteX19" fmla="*/ 1439452 w 9144000"/>
              <a:gd name="connsiteY19" fmla="*/ 4786649 h 4992300"/>
              <a:gd name="connsiteX20" fmla="*/ 1439452 w 9144000"/>
              <a:gd name="connsiteY20" fmla="*/ 4782557 h 4992300"/>
              <a:gd name="connsiteX21" fmla="*/ 1425224 w 9144000"/>
              <a:gd name="connsiteY21" fmla="*/ 4782557 h 4992300"/>
              <a:gd name="connsiteX22" fmla="*/ 1425224 w 9144000"/>
              <a:gd name="connsiteY22" fmla="*/ 4771089 h 4992300"/>
              <a:gd name="connsiteX23" fmla="*/ 1440547 w 9144000"/>
              <a:gd name="connsiteY23" fmla="*/ 4771089 h 4992300"/>
              <a:gd name="connsiteX24" fmla="*/ 1440547 w 9144000"/>
              <a:gd name="connsiteY24" fmla="*/ 4767044 h 4992300"/>
              <a:gd name="connsiteX25" fmla="*/ 1391343 w 9144000"/>
              <a:gd name="connsiteY25" fmla="*/ 4767044 h 4992300"/>
              <a:gd name="connsiteX26" fmla="*/ 1391343 w 9144000"/>
              <a:gd name="connsiteY26" fmla="*/ 4802305 h 4992300"/>
              <a:gd name="connsiteX27" fmla="*/ 1412566 w 9144000"/>
              <a:gd name="connsiteY27" fmla="*/ 4802305 h 4992300"/>
              <a:gd name="connsiteX28" fmla="*/ 1412566 w 9144000"/>
              <a:gd name="connsiteY28" fmla="*/ 4798213 h 4992300"/>
              <a:gd name="connsiteX29" fmla="*/ 1396101 w 9144000"/>
              <a:gd name="connsiteY29" fmla="*/ 4798213 h 4992300"/>
              <a:gd name="connsiteX30" fmla="*/ 1396101 w 9144000"/>
              <a:gd name="connsiteY30" fmla="*/ 4786649 h 4992300"/>
              <a:gd name="connsiteX31" fmla="*/ 1410330 w 9144000"/>
              <a:gd name="connsiteY31" fmla="*/ 4786649 h 4992300"/>
              <a:gd name="connsiteX32" fmla="*/ 1410330 w 9144000"/>
              <a:gd name="connsiteY32" fmla="*/ 4782557 h 4992300"/>
              <a:gd name="connsiteX33" fmla="*/ 1396101 w 9144000"/>
              <a:gd name="connsiteY33" fmla="*/ 4782557 h 4992300"/>
              <a:gd name="connsiteX34" fmla="*/ 1396101 w 9144000"/>
              <a:gd name="connsiteY34" fmla="*/ 4771089 h 4992300"/>
              <a:gd name="connsiteX35" fmla="*/ 1411424 w 9144000"/>
              <a:gd name="connsiteY35" fmla="*/ 4771089 h 4992300"/>
              <a:gd name="connsiteX36" fmla="*/ 1411424 w 9144000"/>
              <a:gd name="connsiteY36" fmla="*/ 4767044 h 4992300"/>
              <a:gd name="connsiteX37" fmla="*/ 1356129 w 9144000"/>
              <a:gd name="connsiteY37" fmla="*/ 4767044 h 4992300"/>
              <a:gd name="connsiteX38" fmla="*/ 1356129 w 9144000"/>
              <a:gd name="connsiteY38" fmla="*/ 4771231 h 4992300"/>
              <a:gd name="connsiteX39" fmla="*/ 1367883 w 9144000"/>
              <a:gd name="connsiteY39" fmla="*/ 4771231 h 4992300"/>
              <a:gd name="connsiteX40" fmla="*/ 1367883 w 9144000"/>
              <a:gd name="connsiteY40" fmla="*/ 4802305 h 4992300"/>
              <a:gd name="connsiteX41" fmla="*/ 1372689 w 9144000"/>
              <a:gd name="connsiteY41" fmla="*/ 4802305 h 4992300"/>
              <a:gd name="connsiteX42" fmla="*/ 1372689 w 9144000"/>
              <a:gd name="connsiteY42" fmla="*/ 4771231 h 4992300"/>
              <a:gd name="connsiteX43" fmla="*/ 1384443 w 9144000"/>
              <a:gd name="connsiteY43" fmla="*/ 4771231 h 4992300"/>
              <a:gd name="connsiteX44" fmla="*/ 1384443 w 9144000"/>
              <a:gd name="connsiteY44" fmla="*/ 4767044 h 4992300"/>
              <a:gd name="connsiteX45" fmla="*/ 1297170 w 9144000"/>
              <a:gd name="connsiteY45" fmla="*/ 4767044 h 4992300"/>
              <a:gd name="connsiteX46" fmla="*/ 1308686 w 9144000"/>
              <a:gd name="connsiteY46" fmla="*/ 4788934 h 4992300"/>
              <a:gd name="connsiteX47" fmla="*/ 1308686 w 9144000"/>
              <a:gd name="connsiteY47" fmla="*/ 4802305 h 4992300"/>
              <a:gd name="connsiteX48" fmla="*/ 1313444 w 9144000"/>
              <a:gd name="connsiteY48" fmla="*/ 4802305 h 4992300"/>
              <a:gd name="connsiteX49" fmla="*/ 1313444 w 9144000"/>
              <a:gd name="connsiteY49" fmla="*/ 4788934 h 4992300"/>
              <a:gd name="connsiteX50" fmla="*/ 1325722 w 9144000"/>
              <a:gd name="connsiteY50" fmla="*/ 4767044 h 4992300"/>
              <a:gd name="connsiteX51" fmla="*/ 1320487 w 9144000"/>
              <a:gd name="connsiteY51" fmla="*/ 4767044 h 4992300"/>
              <a:gd name="connsiteX52" fmla="*/ 1311232 w 9144000"/>
              <a:gd name="connsiteY52" fmla="*/ 4784368 h 4992300"/>
              <a:gd name="connsiteX53" fmla="*/ 1302547 w 9144000"/>
              <a:gd name="connsiteY53" fmla="*/ 4767044 h 4992300"/>
              <a:gd name="connsiteX54" fmla="*/ 1197620 w 9144000"/>
              <a:gd name="connsiteY54" fmla="*/ 4767044 h 4992300"/>
              <a:gd name="connsiteX55" fmla="*/ 1197620 w 9144000"/>
              <a:gd name="connsiteY55" fmla="*/ 4802305 h 4992300"/>
              <a:gd name="connsiteX56" fmla="*/ 1202426 w 9144000"/>
              <a:gd name="connsiteY56" fmla="*/ 4802305 h 4992300"/>
              <a:gd name="connsiteX57" fmla="*/ 1202426 w 9144000"/>
              <a:gd name="connsiteY57" fmla="*/ 4788600 h 4992300"/>
              <a:gd name="connsiteX58" fmla="*/ 1206709 w 9144000"/>
              <a:gd name="connsiteY58" fmla="*/ 4788600 h 4992300"/>
              <a:gd name="connsiteX59" fmla="*/ 1209754 w 9144000"/>
              <a:gd name="connsiteY59" fmla="*/ 4788362 h 4992300"/>
              <a:gd name="connsiteX60" fmla="*/ 1219414 w 9144000"/>
              <a:gd name="connsiteY60" fmla="*/ 4802258 h 4992300"/>
              <a:gd name="connsiteX61" fmla="*/ 1225077 w 9144000"/>
              <a:gd name="connsiteY61" fmla="*/ 4802258 h 4992300"/>
              <a:gd name="connsiteX62" fmla="*/ 1225124 w 9144000"/>
              <a:gd name="connsiteY62" fmla="*/ 4802305 h 4992300"/>
              <a:gd name="connsiteX63" fmla="*/ 1214560 w 9144000"/>
              <a:gd name="connsiteY63" fmla="*/ 4787173 h 4992300"/>
              <a:gd name="connsiteX64" fmla="*/ 1220842 w 9144000"/>
              <a:gd name="connsiteY64" fmla="*/ 4777513 h 4992300"/>
              <a:gd name="connsiteX65" fmla="*/ 1209278 w 9144000"/>
              <a:gd name="connsiteY65" fmla="*/ 4767044 h 4992300"/>
              <a:gd name="connsiteX66" fmla="*/ 1129619 w 9144000"/>
              <a:gd name="connsiteY66" fmla="*/ 4767044 h 4992300"/>
              <a:gd name="connsiteX67" fmla="*/ 1129619 w 9144000"/>
              <a:gd name="connsiteY67" fmla="*/ 4802305 h 4992300"/>
              <a:gd name="connsiteX68" fmla="*/ 1150842 w 9144000"/>
              <a:gd name="connsiteY68" fmla="*/ 4802305 h 4992300"/>
              <a:gd name="connsiteX69" fmla="*/ 1150842 w 9144000"/>
              <a:gd name="connsiteY69" fmla="*/ 4798213 h 4992300"/>
              <a:gd name="connsiteX70" fmla="*/ 1134425 w 9144000"/>
              <a:gd name="connsiteY70" fmla="*/ 4798213 h 4992300"/>
              <a:gd name="connsiteX71" fmla="*/ 1134378 w 9144000"/>
              <a:gd name="connsiteY71" fmla="*/ 4798213 h 4992300"/>
              <a:gd name="connsiteX72" fmla="*/ 1134378 w 9144000"/>
              <a:gd name="connsiteY72" fmla="*/ 4786649 h 4992300"/>
              <a:gd name="connsiteX73" fmla="*/ 1148606 w 9144000"/>
              <a:gd name="connsiteY73" fmla="*/ 4786649 h 4992300"/>
              <a:gd name="connsiteX74" fmla="*/ 1148606 w 9144000"/>
              <a:gd name="connsiteY74" fmla="*/ 4782557 h 4992300"/>
              <a:gd name="connsiteX75" fmla="*/ 1134378 w 9144000"/>
              <a:gd name="connsiteY75" fmla="*/ 4782557 h 4992300"/>
              <a:gd name="connsiteX76" fmla="*/ 1134378 w 9144000"/>
              <a:gd name="connsiteY76" fmla="*/ 4771089 h 4992300"/>
              <a:gd name="connsiteX77" fmla="*/ 1149700 w 9144000"/>
              <a:gd name="connsiteY77" fmla="*/ 4771089 h 4992300"/>
              <a:gd name="connsiteX78" fmla="*/ 1149700 w 9144000"/>
              <a:gd name="connsiteY78" fmla="*/ 4767044 h 4992300"/>
              <a:gd name="connsiteX79" fmla="*/ 1449541 w 9144000"/>
              <a:gd name="connsiteY79" fmla="*/ 4766996 h 4992300"/>
              <a:gd name="connsiteX80" fmla="*/ 1449541 w 9144000"/>
              <a:gd name="connsiteY80" fmla="*/ 4802258 h 4992300"/>
              <a:gd name="connsiteX81" fmla="*/ 1454299 w 9144000"/>
              <a:gd name="connsiteY81" fmla="*/ 4802258 h 4992300"/>
              <a:gd name="connsiteX82" fmla="*/ 1454299 w 9144000"/>
              <a:gd name="connsiteY82" fmla="*/ 4777275 h 4992300"/>
              <a:gd name="connsiteX83" fmla="*/ 1454157 w 9144000"/>
              <a:gd name="connsiteY83" fmla="*/ 4774515 h 4992300"/>
              <a:gd name="connsiteX84" fmla="*/ 1463864 w 9144000"/>
              <a:gd name="connsiteY84" fmla="*/ 4802258 h 4992300"/>
              <a:gd name="connsiteX85" fmla="*/ 1470146 w 9144000"/>
              <a:gd name="connsiteY85" fmla="*/ 4802258 h 4992300"/>
              <a:gd name="connsiteX86" fmla="*/ 1481185 w 9144000"/>
              <a:gd name="connsiteY86" fmla="*/ 4774087 h 4992300"/>
              <a:gd name="connsiteX87" fmla="*/ 1481090 w 9144000"/>
              <a:gd name="connsiteY87" fmla="*/ 4777180 h 4992300"/>
              <a:gd name="connsiteX88" fmla="*/ 1481090 w 9144000"/>
              <a:gd name="connsiteY88" fmla="*/ 4802258 h 4992300"/>
              <a:gd name="connsiteX89" fmla="*/ 1485897 w 9144000"/>
              <a:gd name="connsiteY89" fmla="*/ 4802258 h 4992300"/>
              <a:gd name="connsiteX90" fmla="*/ 1485897 w 9144000"/>
              <a:gd name="connsiteY90" fmla="*/ 4766996 h 4992300"/>
              <a:gd name="connsiteX91" fmla="*/ 1479615 w 9144000"/>
              <a:gd name="connsiteY91" fmla="*/ 4766996 h 4992300"/>
              <a:gd name="connsiteX92" fmla="*/ 1479615 w 9144000"/>
              <a:gd name="connsiteY92" fmla="*/ 4767044 h 4992300"/>
              <a:gd name="connsiteX93" fmla="*/ 1467195 w 9144000"/>
              <a:gd name="connsiteY93" fmla="*/ 4798403 h 4992300"/>
              <a:gd name="connsiteX94" fmla="*/ 1456155 w 9144000"/>
              <a:gd name="connsiteY94" fmla="*/ 4767282 h 4992300"/>
              <a:gd name="connsiteX95" fmla="*/ 1456060 w 9144000"/>
              <a:gd name="connsiteY95" fmla="*/ 4766996 h 4992300"/>
              <a:gd name="connsiteX96" fmla="*/ 1158313 w 9144000"/>
              <a:gd name="connsiteY96" fmla="*/ 4766996 h 4992300"/>
              <a:gd name="connsiteX97" fmla="*/ 1158313 w 9144000"/>
              <a:gd name="connsiteY97" fmla="*/ 4789885 h 4992300"/>
              <a:gd name="connsiteX98" fmla="*/ 1172589 w 9144000"/>
              <a:gd name="connsiteY98" fmla="*/ 4802829 h 4992300"/>
              <a:gd name="connsiteX99" fmla="*/ 1186675 w 9144000"/>
              <a:gd name="connsiteY99" fmla="*/ 4788553 h 4992300"/>
              <a:gd name="connsiteX100" fmla="*/ 1186675 w 9144000"/>
              <a:gd name="connsiteY100" fmla="*/ 4766996 h 4992300"/>
              <a:gd name="connsiteX101" fmla="*/ 1182011 w 9144000"/>
              <a:gd name="connsiteY101" fmla="*/ 4766996 h 4992300"/>
              <a:gd name="connsiteX102" fmla="*/ 1182011 w 9144000"/>
              <a:gd name="connsiteY102" fmla="*/ 4788410 h 4992300"/>
              <a:gd name="connsiteX103" fmla="*/ 1182059 w 9144000"/>
              <a:gd name="connsiteY103" fmla="*/ 4788458 h 4992300"/>
              <a:gd name="connsiteX104" fmla="*/ 1172637 w 9144000"/>
              <a:gd name="connsiteY104" fmla="*/ 4798641 h 4992300"/>
              <a:gd name="connsiteX105" fmla="*/ 1163262 w 9144000"/>
              <a:gd name="connsiteY105" fmla="*/ 4789552 h 4992300"/>
              <a:gd name="connsiteX106" fmla="*/ 1163262 w 9144000"/>
              <a:gd name="connsiteY106" fmla="*/ 4766996 h 4992300"/>
              <a:gd name="connsiteX107" fmla="*/ 1340711 w 9144000"/>
              <a:gd name="connsiteY107" fmla="*/ 4766616 h 4992300"/>
              <a:gd name="connsiteX108" fmla="*/ 1330147 w 9144000"/>
              <a:gd name="connsiteY108" fmla="*/ 4775324 h 4992300"/>
              <a:gd name="connsiteX109" fmla="*/ 1339664 w 9144000"/>
              <a:gd name="connsiteY109" fmla="*/ 4785983 h 4992300"/>
              <a:gd name="connsiteX110" fmla="*/ 1347040 w 9144000"/>
              <a:gd name="connsiteY110" fmla="*/ 4793216 h 4992300"/>
              <a:gd name="connsiteX111" fmla="*/ 1339141 w 9144000"/>
              <a:gd name="connsiteY111" fmla="*/ 4798594 h 4992300"/>
              <a:gd name="connsiteX112" fmla="*/ 1331146 w 9144000"/>
              <a:gd name="connsiteY112" fmla="*/ 4796833 h 4992300"/>
              <a:gd name="connsiteX113" fmla="*/ 1330766 w 9144000"/>
              <a:gd name="connsiteY113" fmla="*/ 4796690 h 4992300"/>
              <a:gd name="connsiteX114" fmla="*/ 1329100 w 9144000"/>
              <a:gd name="connsiteY114" fmla="*/ 4800592 h 4992300"/>
              <a:gd name="connsiteX115" fmla="*/ 1329433 w 9144000"/>
              <a:gd name="connsiteY115" fmla="*/ 4800735 h 4992300"/>
              <a:gd name="connsiteX116" fmla="*/ 1339236 w 9144000"/>
              <a:gd name="connsiteY116" fmla="*/ 4802876 h 4992300"/>
              <a:gd name="connsiteX117" fmla="*/ 1351751 w 9144000"/>
              <a:gd name="connsiteY117" fmla="*/ 4792931 h 4992300"/>
              <a:gd name="connsiteX118" fmla="*/ 1341901 w 9144000"/>
              <a:gd name="connsiteY118" fmla="*/ 4781891 h 4992300"/>
              <a:gd name="connsiteX119" fmla="*/ 1341806 w 9144000"/>
              <a:gd name="connsiteY119" fmla="*/ 4781891 h 4992300"/>
              <a:gd name="connsiteX120" fmla="*/ 1334668 w 9144000"/>
              <a:gd name="connsiteY120" fmla="*/ 4775181 h 4992300"/>
              <a:gd name="connsiteX121" fmla="*/ 1340759 w 9144000"/>
              <a:gd name="connsiteY121" fmla="*/ 4770708 h 4992300"/>
              <a:gd name="connsiteX122" fmla="*/ 1347801 w 9144000"/>
              <a:gd name="connsiteY122" fmla="*/ 4771993 h 4992300"/>
              <a:gd name="connsiteX123" fmla="*/ 1348182 w 9144000"/>
              <a:gd name="connsiteY123" fmla="*/ 4772136 h 4992300"/>
              <a:gd name="connsiteX124" fmla="*/ 1349562 w 9144000"/>
              <a:gd name="connsiteY124" fmla="*/ 4768471 h 4992300"/>
              <a:gd name="connsiteX125" fmla="*/ 1349229 w 9144000"/>
              <a:gd name="connsiteY125" fmla="*/ 4768329 h 4992300"/>
              <a:gd name="connsiteX126" fmla="*/ 1340711 w 9144000"/>
              <a:gd name="connsiteY126" fmla="*/ 4766616 h 4992300"/>
              <a:gd name="connsiteX127" fmla="*/ 1282085 w 9144000"/>
              <a:gd name="connsiteY127" fmla="*/ 4766616 h 4992300"/>
              <a:gd name="connsiteX128" fmla="*/ 1271521 w 9144000"/>
              <a:gd name="connsiteY128" fmla="*/ 4775324 h 4992300"/>
              <a:gd name="connsiteX129" fmla="*/ 1281038 w 9144000"/>
              <a:gd name="connsiteY129" fmla="*/ 4785983 h 4992300"/>
              <a:gd name="connsiteX130" fmla="*/ 1288414 w 9144000"/>
              <a:gd name="connsiteY130" fmla="*/ 4793216 h 4992300"/>
              <a:gd name="connsiteX131" fmla="*/ 1280515 w 9144000"/>
              <a:gd name="connsiteY131" fmla="*/ 4798594 h 4992300"/>
              <a:gd name="connsiteX132" fmla="*/ 1272520 w 9144000"/>
              <a:gd name="connsiteY132" fmla="*/ 4796833 h 4992300"/>
              <a:gd name="connsiteX133" fmla="*/ 1272140 w 9144000"/>
              <a:gd name="connsiteY133" fmla="*/ 4796690 h 4992300"/>
              <a:gd name="connsiteX134" fmla="*/ 1270474 w 9144000"/>
              <a:gd name="connsiteY134" fmla="*/ 4800592 h 4992300"/>
              <a:gd name="connsiteX135" fmla="*/ 1270807 w 9144000"/>
              <a:gd name="connsiteY135" fmla="*/ 4800735 h 4992300"/>
              <a:gd name="connsiteX136" fmla="*/ 1280610 w 9144000"/>
              <a:gd name="connsiteY136" fmla="*/ 4802876 h 4992300"/>
              <a:gd name="connsiteX137" fmla="*/ 1293125 w 9144000"/>
              <a:gd name="connsiteY137" fmla="*/ 4792931 h 4992300"/>
              <a:gd name="connsiteX138" fmla="*/ 1283275 w 9144000"/>
              <a:gd name="connsiteY138" fmla="*/ 4781891 h 4992300"/>
              <a:gd name="connsiteX139" fmla="*/ 1283179 w 9144000"/>
              <a:gd name="connsiteY139" fmla="*/ 4781891 h 4992300"/>
              <a:gd name="connsiteX140" fmla="*/ 1276042 w 9144000"/>
              <a:gd name="connsiteY140" fmla="*/ 4775181 h 4992300"/>
              <a:gd name="connsiteX141" fmla="*/ 1282133 w 9144000"/>
              <a:gd name="connsiteY141" fmla="*/ 4770708 h 4992300"/>
              <a:gd name="connsiteX142" fmla="*/ 1289175 w 9144000"/>
              <a:gd name="connsiteY142" fmla="*/ 4771993 h 4992300"/>
              <a:gd name="connsiteX143" fmla="*/ 1289556 w 9144000"/>
              <a:gd name="connsiteY143" fmla="*/ 4772136 h 4992300"/>
              <a:gd name="connsiteX144" fmla="*/ 1290936 w 9144000"/>
              <a:gd name="connsiteY144" fmla="*/ 4768471 h 4992300"/>
              <a:gd name="connsiteX145" fmla="*/ 1290603 w 9144000"/>
              <a:gd name="connsiteY145" fmla="*/ 4768329 h 4992300"/>
              <a:gd name="connsiteX146" fmla="*/ 1282085 w 9144000"/>
              <a:gd name="connsiteY146" fmla="*/ 4766616 h 4992300"/>
              <a:gd name="connsiteX147" fmla="*/ 1247680 w 9144000"/>
              <a:gd name="connsiteY147" fmla="*/ 4766568 h 4992300"/>
              <a:gd name="connsiteX148" fmla="*/ 1229502 w 9144000"/>
              <a:gd name="connsiteY148" fmla="*/ 4784603 h 4992300"/>
              <a:gd name="connsiteX149" fmla="*/ 1246776 w 9144000"/>
              <a:gd name="connsiteY149" fmla="*/ 4802876 h 4992300"/>
              <a:gd name="connsiteX150" fmla="*/ 1264811 w 9144000"/>
              <a:gd name="connsiteY150" fmla="*/ 4784698 h 4992300"/>
              <a:gd name="connsiteX151" fmla="*/ 1247680 w 9144000"/>
              <a:gd name="connsiteY151" fmla="*/ 4766568 h 4992300"/>
              <a:gd name="connsiteX152" fmla="*/ 507049 w 9144000"/>
              <a:gd name="connsiteY152" fmla="*/ 4475388 h 4992300"/>
              <a:gd name="connsiteX153" fmla="*/ 507049 w 9144000"/>
              <a:gd name="connsiteY153" fmla="*/ 4731782 h 4992300"/>
              <a:gd name="connsiteX154" fmla="*/ 1532673 w 9144000"/>
              <a:gd name="connsiteY154" fmla="*/ 4731782 h 4992300"/>
              <a:gd name="connsiteX155" fmla="*/ 1532673 w 9144000"/>
              <a:gd name="connsiteY155" fmla="*/ 4475388 h 4992300"/>
              <a:gd name="connsiteX156" fmla="*/ 0 w 9144000"/>
              <a:gd name="connsiteY156" fmla="*/ 0 h 4992300"/>
              <a:gd name="connsiteX157" fmla="*/ 9144000 w 9144000"/>
              <a:gd name="connsiteY157" fmla="*/ 0 h 4992300"/>
              <a:gd name="connsiteX158" fmla="*/ 9144000 w 9144000"/>
              <a:gd name="connsiteY158" fmla="*/ 4992300 h 4992300"/>
              <a:gd name="connsiteX159" fmla="*/ 0 w 9144000"/>
              <a:gd name="connsiteY159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</a:cxnLst>
            <a:rect l="l" t="t" r="r" b="b"/>
            <a:pathLst>
              <a:path w="9144000" h="4992300">
                <a:moveTo>
                  <a:pt x="1311232" y="4784368"/>
                </a:moveTo>
                <a:lnTo>
                  <a:pt x="1311255" y="4784413"/>
                </a:lnTo>
                <a:lnTo>
                  <a:pt x="1311208" y="4784413"/>
                </a:lnTo>
                <a:close/>
                <a:moveTo>
                  <a:pt x="1202473" y="4771089"/>
                </a:moveTo>
                <a:lnTo>
                  <a:pt x="1208231" y="4771089"/>
                </a:lnTo>
                <a:cubicBezTo>
                  <a:pt x="1213656" y="4771089"/>
                  <a:pt x="1215845" y="4773040"/>
                  <a:pt x="1215845" y="4777846"/>
                </a:cubicBezTo>
                <a:cubicBezTo>
                  <a:pt x="1215845" y="4782367"/>
                  <a:pt x="1213038" y="4784460"/>
                  <a:pt x="1207042" y="4784460"/>
                </a:cubicBezTo>
                <a:lnTo>
                  <a:pt x="1202473" y="4784460"/>
                </a:lnTo>
                <a:close/>
                <a:moveTo>
                  <a:pt x="1247252" y="4770660"/>
                </a:moveTo>
                <a:cubicBezTo>
                  <a:pt x="1255008" y="4770660"/>
                  <a:pt x="1260005" y="4775800"/>
                  <a:pt x="1260005" y="4784651"/>
                </a:cubicBezTo>
                <a:cubicBezTo>
                  <a:pt x="1260005" y="4793502"/>
                  <a:pt x="1255104" y="4798784"/>
                  <a:pt x="1246871" y="4798784"/>
                </a:cubicBezTo>
                <a:cubicBezTo>
                  <a:pt x="1241066" y="4798784"/>
                  <a:pt x="1234261" y="4795072"/>
                  <a:pt x="1234261" y="4784556"/>
                </a:cubicBezTo>
                <a:cubicBezTo>
                  <a:pt x="1234261" y="4775990"/>
                  <a:pt x="1239495" y="4770660"/>
                  <a:pt x="1247252" y="4770660"/>
                </a:cubicBezTo>
                <a:close/>
                <a:moveTo>
                  <a:pt x="1420466" y="4767044"/>
                </a:moveTo>
                <a:lnTo>
                  <a:pt x="1420466" y="4802305"/>
                </a:lnTo>
                <a:lnTo>
                  <a:pt x="1441689" y="4802305"/>
                </a:lnTo>
                <a:lnTo>
                  <a:pt x="1441689" y="4798213"/>
                </a:lnTo>
                <a:lnTo>
                  <a:pt x="1425272" y="4798213"/>
                </a:lnTo>
                <a:lnTo>
                  <a:pt x="1425272" y="4786649"/>
                </a:lnTo>
                <a:lnTo>
                  <a:pt x="1439452" y="4786649"/>
                </a:lnTo>
                <a:lnTo>
                  <a:pt x="1439452" y="4782557"/>
                </a:lnTo>
                <a:lnTo>
                  <a:pt x="1425224" y="4782557"/>
                </a:lnTo>
                <a:lnTo>
                  <a:pt x="1425224" y="4771089"/>
                </a:lnTo>
                <a:lnTo>
                  <a:pt x="1440547" y="4771089"/>
                </a:lnTo>
                <a:lnTo>
                  <a:pt x="1440547" y="4767044"/>
                </a:lnTo>
                <a:close/>
                <a:moveTo>
                  <a:pt x="1391343" y="4767044"/>
                </a:moveTo>
                <a:lnTo>
                  <a:pt x="1391343" y="4802305"/>
                </a:lnTo>
                <a:lnTo>
                  <a:pt x="1412566" y="4802305"/>
                </a:lnTo>
                <a:lnTo>
                  <a:pt x="1412566" y="4798213"/>
                </a:lnTo>
                <a:lnTo>
                  <a:pt x="1396101" y="4798213"/>
                </a:lnTo>
                <a:lnTo>
                  <a:pt x="1396101" y="4786649"/>
                </a:lnTo>
                <a:lnTo>
                  <a:pt x="1410330" y="4786649"/>
                </a:lnTo>
                <a:lnTo>
                  <a:pt x="1410330" y="4782557"/>
                </a:lnTo>
                <a:lnTo>
                  <a:pt x="1396101" y="4782557"/>
                </a:lnTo>
                <a:lnTo>
                  <a:pt x="1396101" y="4771089"/>
                </a:lnTo>
                <a:lnTo>
                  <a:pt x="1411424" y="4771089"/>
                </a:lnTo>
                <a:lnTo>
                  <a:pt x="1411424" y="4767044"/>
                </a:lnTo>
                <a:close/>
                <a:moveTo>
                  <a:pt x="1356129" y="4767044"/>
                </a:moveTo>
                <a:lnTo>
                  <a:pt x="1356129" y="4771231"/>
                </a:lnTo>
                <a:lnTo>
                  <a:pt x="1367883" y="4771231"/>
                </a:lnTo>
                <a:lnTo>
                  <a:pt x="1367883" y="4802305"/>
                </a:lnTo>
                <a:lnTo>
                  <a:pt x="1372689" y="4802305"/>
                </a:lnTo>
                <a:lnTo>
                  <a:pt x="1372689" y="4771231"/>
                </a:lnTo>
                <a:lnTo>
                  <a:pt x="1384443" y="4771231"/>
                </a:lnTo>
                <a:lnTo>
                  <a:pt x="1384443" y="4767044"/>
                </a:lnTo>
                <a:close/>
                <a:moveTo>
                  <a:pt x="1297170" y="4767044"/>
                </a:moveTo>
                <a:lnTo>
                  <a:pt x="1308686" y="4788934"/>
                </a:lnTo>
                <a:lnTo>
                  <a:pt x="1308686" y="4802305"/>
                </a:lnTo>
                <a:lnTo>
                  <a:pt x="1313444" y="4802305"/>
                </a:lnTo>
                <a:lnTo>
                  <a:pt x="1313444" y="4788934"/>
                </a:lnTo>
                <a:lnTo>
                  <a:pt x="1325722" y="4767044"/>
                </a:lnTo>
                <a:lnTo>
                  <a:pt x="1320487" y="4767044"/>
                </a:lnTo>
                <a:lnTo>
                  <a:pt x="1311232" y="4784368"/>
                </a:lnTo>
                <a:lnTo>
                  <a:pt x="1302547" y="4767044"/>
                </a:lnTo>
                <a:close/>
                <a:moveTo>
                  <a:pt x="1197620" y="4767044"/>
                </a:moveTo>
                <a:lnTo>
                  <a:pt x="1197620" y="4802305"/>
                </a:lnTo>
                <a:lnTo>
                  <a:pt x="1202426" y="4802305"/>
                </a:lnTo>
                <a:lnTo>
                  <a:pt x="1202426" y="4788600"/>
                </a:lnTo>
                <a:lnTo>
                  <a:pt x="1206709" y="4788600"/>
                </a:lnTo>
                <a:cubicBezTo>
                  <a:pt x="1207708" y="4788600"/>
                  <a:pt x="1208897" y="4788505"/>
                  <a:pt x="1209754" y="4788362"/>
                </a:cubicBezTo>
                <a:lnTo>
                  <a:pt x="1219414" y="4802258"/>
                </a:lnTo>
                <a:lnTo>
                  <a:pt x="1225077" y="4802258"/>
                </a:lnTo>
                <a:lnTo>
                  <a:pt x="1225124" y="4802305"/>
                </a:lnTo>
                <a:lnTo>
                  <a:pt x="1214560" y="4787173"/>
                </a:lnTo>
                <a:cubicBezTo>
                  <a:pt x="1218605" y="4785460"/>
                  <a:pt x="1220842" y="4782034"/>
                  <a:pt x="1220842" y="4777513"/>
                </a:cubicBezTo>
                <a:cubicBezTo>
                  <a:pt x="1220842" y="4770851"/>
                  <a:pt x="1216654" y="4767044"/>
                  <a:pt x="1209278" y="4767044"/>
                </a:cubicBezTo>
                <a:close/>
                <a:moveTo>
                  <a:pt x="1129619" y="4767044"/>
                </a:moveTo>
                <a:lnTo>
                  <a:pt x="1129619" y="4802305"/>
                </a:lnTo>
                <a:lnTo>
                  <a:pt x="1150842" y="4802305"/>
                </a:lnTo>
                <a:lnTo>
                  <a:pt x="1150842" y="4798213"/>
                </a:lnTo>
                <a:lnTo>
                  <a:pt x="1134425" y="4798213"/>
                </a:lnTo>
                <a:lnTo>
                  <a:pt x="1134378" y="4798213"/>
                </a:lnTo>
                <a:lnTo>
                  <a:pt x="1134378" y="4786649"/>
                </a:lnTo>
                <a:lnTo>
                  <a:pt x="1148606" y="4786649"/>
                </a:lnTo>
                <a:lnTo>
                  <a:pt x="1148606" y="4782557"/>
                </a:lnTo>
                <a:lnTo>
                  <a:pt x="1134378" y="4782557"/>
                </a:lnTo>
                <a:lnTo>
                  <a:pt x="1134378" y="4771089"/>
                </a:lnTo>
                <a:lnTo>
                  <a:pt x="1149700" y="4771089"/>
                </a:lnTo>
                <a:lnTo>
                  <a:pt x="1149700" y="4767044"/>
                </a:lnTo>
                <a:close/>
                <a:moveTo>
                  <a:pt x="1449541" y="4766996"/>
                </a:moveTo>
                <a:lnTo>
                  <a:pt x="1449541" y="4802258"/>
                </a:lnTo>
                <a:lnTo>
                  <a:pt x="1454299" y="4802258"/>
                </a:lnTo>
                <a:lnTo>
                  <a:pt x="1454299" y="4777275"/>
                </a:lnTo>
                <a:lnTo>
                  <a:pt x="1454157" y="4774515"/>
                </a:lnTo>
                <a:lnTo>
                  <a:pt x="1463864" y="4802258"/>
                </a:lnTo>
                <a:lnTo>
                  <a:pt x="1470146" y="4802258"/>
                </a:lnTo>
                <a:lnTo>
                  <a:pt x="1481185" y="4774087"/>
                </a:lnTo>
                <a:lnTo>
                  <a:pt x="1481090" y="4777180"/>
                </a:lnTo>
                <a:lnTo>
                  <a:pt x="1481090" y="4802258"/>
                </a:lnTo>
                <a:lnTo>
                  <a:pt x="1485897" y="4802258"/>
                </a:lnTo>
                <a:lnTo>
                  <a:pt x="1485897" y="4766996"/>
                </a:lnTo>
                <a:lnTo>
                  <a:pt x="1479615" y="4766996"/>
                </a:lnTo>
                <a:lnTo>
                  <a:pt x="1479615" y="4767044"/>
                </a:lnTo>
                <a:lnTo>
                  <a:pt x="1467195" y="4798403"/>
                </a:lnTo>
                <a:lnTo>
                  <a:pt x="1456155" y="4767282"/>
                </a:lnTo>
                <a:lnTo>
                  <a:pt x="1456060" y="4766996"/>
                </a:lnTo>
                <a:close/>
                <a:moveTo>
                  <a:pt x="1158313" y="4766996"/>
                </a:moveTo>
                <a:lnTo>
                  <a:pt x="1158313" y="4789885"/>
                </a:lnTo>
                <a:cubicBezTo>
                  <a:pt x="1158313" y="4801163"/>
                  <a:pt x="1167260" y="4802829"/>
                  <a:pt x="1172589" y="4802829"/>
                </a:cubicBezTo>
                <a:cubicBezTo>
                  <a:pt x="1176824" y="4802829"/>
                  <a:pt x="1186675" y="4801449"/>
                  <a:pt x="1186675" y="4788553"/>
                </a:cubicBezTo>
                <a:lnTo>
                  <a:pt x="1186675" y="4766996"/>
                </a:lnTo>
                <a:lnTo>
                  <a:pt x="1182011" y="4766996"/>
                </a:lnTo>
                <a:lnTo>
                  <a:pt x="1182011" y="4788410"/>
                </a:lnTo>
                <a:lnTo>
                  <a:pt x="1182059" y="4788458"/>
                </a:lnTo>
                <a:cubicBezTo>
                  <a:pt x="1182059" y="4795215"/>
                  <a:pt x="1178918" y="4798641"/>
                  <a:pt x="1172637" y="4798641"/>
                </a:cubicBezTo>
                <a:cubicBezTo>
                  <a:pt x="1166355" y="4798641"/>
                  <a:pt x="1163262" y="4795596"/>
                  <a:pt x="1163262" y="4789552"/>
                </a:cubicBezTo>
                <a:lnTo>
                  <a:pt x="1163262" y="4766996"/>
                </a:lnTo>
                <a:close/>
                <a:moveTo>
                  <a:pt x="1340711" y="4766616"/>
                </a:moveTo>
                <a:cubicBezTo>
                  <a:pt x="1334287" y="4766616"/>
                  <a:pt x="1330147" y="4770042"/>
                  <a:pt x="1330147" y="4775324"/>
                </a:cubicBezTo>
                <a:cubicBezTo>
                  <a:pt x="1330147" y="4781605"/>
                  <a:pt x="1335191" y="4783937"/>
                  <a:pt x="1339664" y="4785983"/>
                </a:cubicBezTo>
                <a:cubicBezTo>
                  <a:pt x="1343614" y="4787839"/>
                  <a:pt x="1347040" y="4789409"/>
                  <a:pt x="1347040" y="4793216"/>
                </a:cubicBezTo>
                <a:cubicBezTo>
                  <a:pt x="1347040" y="4798213"/>
                  <a:pt x="1340997" y="4798594"/>
                  <a:pt x="1339141" y="4798594"/>
                </a:cubicBezTo>
                <a:cubicBezTo>
                  <a:pt x="1335810" y="4798594"/>
                  <a:pt x="1333573" y="4797880"/>
                  <a:pt x="1331146" y="4796833"/>
                </a:cubicBezTo>
                <a:lnTo>
                  <a:pt x="1330766" y="4796690"/>
                </a:lnTo>
                <a:lnTo>
                  <a:pt x="1329100" y="4800592"/>
                </a:lnTo>
                <a:lnTo>
                  <a:pt x="1329433" y="4800735"/>
                </a:lnTo>
                <a:cubicBezTo>
                  <a:pt x="1331432" y="4801782"/>
                  <a:pt x="1334192" y="4802876"/>
                  <a:pt x="1339236" y="4802876"/>
                </a:cubicBezTo>
                <a:cubicBezTo>
                  <a:pt x="1346945" y="4802876"/>
                  <a:pt x="1351751" y="4799069"/>
                  <a:pt x="1351751" y="4792931"/>
                </a:cubicBezTo>
                <a:cubicBezTo>
                  <a:pt x="1351751" y="4786792"/>
                  <a:pt x="1346517" y="4784127"/>
                  <a:pt x="1341901" y="4781891"/>
                </a:cubicBezTo>
                <a:lnTo>
                  <a:pt x="1341806" y="4781891"/>
                </a:lnTo>
                <a:cubicBezTo>
                  <a:pt x="1337951" y="4780035"/>
                  <a:pt x="1334668" y="4778417"/>
                  <a:pt x="1334668" y="4775181"/>
                </a:cubicBezTo>
                <a:cubicBezTo>
                  <a:pt x="1334668" y="4771279"/>
                  <a:pt x="1338475" y="4770708"/>
                  <a:pt x="1340759" y="4770708"/>
                </a:cubicBezTo>
                <a:cubicBezTo>
                  <a:pt x="1343899" y="4770708"/>
                  <a:pt x="1345803" y="4771279"/>
                  <a:pt x="1347801" y="4771993"/>
                </a:cubicBezTo>
                <a:lnTo>
                  <a:pt x="1348182" y="4772136"/>
                </a:lnTo>
                <a:lnTo>
                  <a:pt x="1349562" y="4768471"/>
                </a:lnTo>
                <a:lnTo>
                  <a:pt x="1349229" y="4768329"/>
                </a:lnTo>
                <a:cubicBezTo>
                  <a:pt x="1347183" y="4767425"/>
                  <a:pt x="1344756" y="4766616"/>
                  <a:pt x="1340711" y="4766616"/>
                </a:cubicBezTo>
                <a:close/>
                <a:moveTo>
                  <a:pt x="1282085" y="4766616"/>
                </a:moveTo>
                <a:cubicBezTo>
                  <a:pt x="1275661" y="4766616"/>
                  <a:pt x="1271521" y="4770042"/>
                  <a:pt x="1271521" y="4775324"/>
                </a:cubicBezTo>
                <a:cubicBezTo>
                  <a:pt x="1271521" y="4781605"/>
                  <a:pt x="1276565" y="4783937"/>
                  <a:pt x="1281038" y="4785983"/>
                </a:cubicBezTo>
                <a:cubicBezTo>
                  <a:pt x="1284988" y="4787839"/>
                  <a:pt x="1288414" y="4789409"/>
                  <a:pt x="1288414" y="4793216"/>
                </a:cubicBezTo>
                <a:cubicBezTo>
                  <a:pt x="1288414" y="4798213"/>
                  <a:pt x="1282371" y="4798594"/>
                  <a:pt x="1280515" y="4798594"/>
                </a:cubicBezTo>
                <a:cubicBezTo>
                  <a:pt x="1277231" y="4798594"/>
                  <a:pt x="1274947" y="4797880"/>
                  <a:pt x="1272520" y="4796833"/>
                </a:cubicBezTo>
                <a:lnTo>
                  <a:pt x="1272140" y="4796690"/>
                </a:lnTo>
                <a:lnTo>
                  <a:pt x="1270474" y="4800592"/>
                </a:lnTo>
                <a:lnTo>
                  <a:pt x="1270807" y="4800735"/>
                </a:lnTo>
                <a:cubicBezTo>
                  <a:pt x="1272806" y="4801782"/>
                  <a:pt x="1275566" y="4802876"/>
                  <a:pt x="1280610" y="4802876"/>
                </a:cubicBezTo>
                <a:cubicBezTo>
                  <a:pt x="1288319" y="4802876"/>
                  <a:pt x="1293125" y="4799069"/>
                  <a:pt x="1293125" y="4792931"/>
                </a:cubicBezTo>
                <a:cubicBezTo>
                  <a:pt x="1293125" y="4786792"/>
                  <a:pt x="1287891" y="4784127"/>
                  <a:pt x="1283275" y="4781891"/>
                </a:cubicBezTo>
                <a:lnTo>
                  <a:pt x="1283179" y="4781891"/>
                </a:lnTo>
                <a:cubicBezTo>
                  <a:pt x="1279325" y="4780035"/>
                  <a:pt x="1276042" y="4778417"/>
                  <a:pt x="1276042" y="4775181"/>
                </a:cubicBezTo>
                <a:cubicBezTo>
                  <a:pt x="1276042" y="4771279"/>
                  <a:pt x="1279848" y="4770708"/>
                  <a:pt x="1282133" y="4770708"/>
                </a:cubicBezTo>
                <a:cubicBezTo>
                  <a:pt x="1285273" y="4770708"/>
                  <a:pt x="1287177" y="4771279"/>
                  <a:pt x="1289175" y="4771993"/>
                </a:cubicBezTo>
                <a:lnTo>
                  <a:pt x="1289556" y="4772136"/>
                </a:lnTo>
                <a:lnTo>
                  <a:pt x="1290936" y="4768471"/>
                </a:lnTo>
                <a:lnTo>
                  <a:pt x="1290603" y="4768329"/>
                </a:lnTo>
                <a:cubicBezTo>
                  <a:pt x="1288557" y="4767425"/>
                  <a:pt x="1286082" y="4766616"/>
                  <a:pt x="1282085" y="4766616"/>
                </a:cubicBezTo>
                <a:close/>
                <a:moveTo>
                  <a:pt x="1247680" y="4766568"/>
                </a:moveTo>
                <a:cubicBezTo>
                  <a:pt x="1236831" y="4766568"/>
                  <a:pt x="1229502" y="4773516"/>
                  <a:pt x="1229502" y="4784603"/>
                </a:cubicBezTo>
                <a:cubicBezTo>
                  <a:pt x="1229502" y="4795691"/>
                  <a:pt x="1235831" y="4802876"/>
                  <a:pt x="1246776" y="4802876"/>
                </a:cubicBezTo>
                <a:cubicBezTo>
                  <a:pt x="1257721" y="4802876"/>
                  <a:pt x="1264811" y="4795738"/>
                  <a:pt x="1264811" y="4784698"/>
                </a:cubicBezTo>
                <a:cubicBezTo>
                  <a:pt x="1264811" y="4773516"/>
                  <a:pt x="1258530" y="4766568"/>
                  <a:pt x="1247680" y="4766568"/>
                </a:cubicBezTo>
                <a:close/>
                <a:moveTo>
                  <a:pt x="507049" y="4475388"/>
                </a:moveTo>
                <a:lnTo>
                  <a:pt x="507049" y="4731782"/>
                </a:lnTo>
                <a:lnTo>
                  <a:pt x="1532673" y="4731782"/>
                </a:lnTo>
                <a:lnTo>
                  <a:pt x="1532673" y="4475388"/>
                </a:ln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0" y="49923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algn="ctr">
              <a:defRPr/>
            </a:lvl1pPr>
          </a:lstStyle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 sz="1000">
                <a:solidFill>
                  <a:schemeClr val="bg1"/>
                </a:solidFill>
              </a:defRPr>
            </a:lvl1pPr>
          </a:lstStyle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67CDBB1-23E6-E1D2-68A9-BF87B547C2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6C8B0A42-0931-8049-5EBA-A717B69D39D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4840571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Ondertitel 2"/>
          <p:cNvSpPr>
            <a:spLocks noGrp="1"/>
          </p:cNvSpPr>
          <p:nvPr>
            <p:ph type="subTitle" idx="1"/>
          </p:nvPr>
        </p:nvSpPr>
        <p:spPr>
          <a:xfrm>
            <a:off x="469449" y="1005459"/>
            <a:ext cx="8168548" cy="497138"/>
          </a:xfrm>
          <a:prstGeom prst="rect">
            <a:avLst/>
          </a:prstGeom>
        </p:spPr>
        <p:txBody>
          <a:bodyPr lIns="0" tIns="0" rIns="0" bIns="0" anchor="t" anchorCtr="0"/>
          <a:lstStyle>
            <a:lvl1pPr marL="0" indent="0" algn="l">
              <a:lnSpc>
                <a:spcPct val="100000"/>
              </a:lnSpc>
              <a:buNone/>
              <a:defRPr lang="nl-NL" sz="1500" b="1" i="0" baseline="0" smtClean="0">
                <a:solidFill>
                  <a:schemeClr val="tx2"/>
                </a:solidFill>
                <a:effectLst/>
                <a:latin typeface="Verdana" charset="0"/>
                <a:ea typeface="Verdana" charset="0"/>
                <a:cs typeface="Verdana" charset="0"/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nl-NL">
                <a:solidFill>
                  <a:srgbClr val="2B2824"/>
                </a:solidFill>
                <a:effectLst/>
                <a:latin typeface="Verdana" charset="0"/>
              </a:rPr>
              <a:t>Klikken om de ondertitelstijl van het model te bewerken</a:t>
            </a:r>
          </a:p>
        </p:txBody>
      </p:sp>
      <p:sp>
        <p:nvSpPr>
          <p:cNvPr id="6" name="Tijdelijke aanduiding voor dianummer 5"/>
          <p:cNvSpPr>
            <a:spLocks noGrp="1"/>
          </p:cNvSpPr>
          <p:nvPr>
            <p:ph type="sldNum" sz="quarter" idx="12"/>
          </p:nvPr>
        </p:nvSpPr>
        <p:spPr>
          <a:xfrm>
            <a:off x="459000" y="4587300"/>
            <a:ext cx="2057400" cy="273844"/>
          </a:xfrm>
          <a:prstGeom prst="rect">
            <a:avLst/>
          </a:prstGeom>
        </p:spPr>
        <p:txBody>
          <a:bodyPr lIns="0" tIns="0" rIns="0" bIns="0" anchor="b"/>
          <a:lstStyle>
            <a:lvl1pPr marL="0" indent="0">
              <a:buClr>
                <a:srgbClr val="00ADE9"/>
              </a:buClr>
              <a:buFont typeface="Arial" charset="0"/>
              <a:buNone/>
              <a:defRPr sz="900" b="0" i="0">
                <a:solidFill>
                  <a:schemeClr val="tx2"/>
                </a:solidFill>
                <a:latin typeface="Verdana" charset="0"/>
                <a:ea typeface="Verdana" charset="0"/>
                <a:cs typeface="Verdana" charset="0"/>
              </a:defRPr>
            </a:lvl1pPr>
          </a:lstStyle>
          <a:p>
            <a:fld id="{B95AE665-5966-6845-BE2F-A9785681FBC0}" type="slidenum">
              <a:rPr lang="nl-NL" smtClean="0"/>
              <a:pPr/>
              <a:t>‹nr.›</a:t>
            </a:fld>
            <a:endParaRPr lang="nl-NL"/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469449" y="470776"/>
            <a:ext cx="8168548" cy="369900"/>
          </a:xfrm>
        </p:spPr>
        <p:txBody>
          <a:bodyPr>
            <a:normAutofit/>
          </a:bodyPr>
          <a:lstStyle>
            <a:lvl1pPr>
              <a:defRPr sz="2100">
                <a:solidFill>
                  <a:schemeClr val="tx1"/>
                </a:solidFill>
              </a:defRPr>
            </a:lvl1pPr>
          </a:lstStyle>
          <a:p>
            <a:r>
              <a:rPr lang="nl-NL"/>
              <a:t>Typ hier uw titel</a:t>
            </a:r>
          </a:p>
        </p:txBody>
      </p:sp>
      <p:sp>
        <p:nvSpPr>
          <p:cNvPr id="5" name="Tijdelijke aanduiding voor inhoud 4"/>
          <p:cNvSpPr>
            <a:spLocks noGrp="1"/>
          </p:cNvSpPr>
          <p:nvPr>
            <p:ph sz="quarter" idx="13"/>
          </p:nvPr>
        </p:nvSpPr>
        <p:spPr>
          <a:xfrm>
            <a:off x="459582" y="1590677"/>
            <a:ext cx="8178404" cy="3012281"/>
          </a:xfrm>
          <a:prstGeom prst="rect">
            <a:avLst/>
          </a:prstGeom>
        </p:spPr>
        <p:txBody>
          <a:bodyPr vert="horz"/>
          <a:lstStyle>
            <a:lvl1pPr>
              <a:defRPr sz="1500"/>
            </a:lvl1pPr>
            <a:lvl2pPr>
              <a:defRPr sz="135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</p:spTree>
    <p:extLst>
      <p:ext uri="{BB962C8B-B14F-4D97-AF65-F5344CB8AC3E}">
        <p14:creationId xmlns:p14="http://schemas.microsoft.com/office/powerpoint/2010/main" val="118679274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Groen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Freeform: Shape 14">
            <a:extLst>
              <a:ext uri="{FF2B5EF4-FFF2-40B4-BE49-F238E27FC236}">
                <a16:creationId xmlns:a16="http://schemas.microsoft.com/office/drawing/2014/main" id="{4608D4FD-3524-A95A-2881-7EB032A9ACD4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custGeom>
            <a:avLst/>
            <a:gdLst>
              <a:gd name="connsiteX0" fmla="*/ 0 w 9144000"/>
              <a:gd name="connsiteY0" fmla="*/ 0 h 4992300"/>
              <a:gd name="connsiteX1" fmla="*/ 9144000 w 9144000"/>
              <a:gd name="connsiteY1" fmla="*/ 0 h 4992300"/>
              <a:gd name="connsiteX2" fmla="*/ 9144000 w 9144000"/>
              <a:gd name="connsiteY2" fmla="*/ 4992300 h 4992300"/>
              <a:gd name="connsiteX3" fmla="*/ 0 w 9144000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0" h="4992300"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0" y="4992300"/>
                </a:lnTo>
                <a:close/>
              </a:path>
            </a:pathLst>
          </a:cu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nl-NL"/>
          </a:p>
        </p:txBody>
      </p:sp>
      <p:pic>
        <p:nvPicPr>
          <p:cNvPr id="3" name="Green">
            <a:extLst>
              <a:ext uri="{FF2B5EF4-FFF2-40B4-BE49-F238E27FC236}">
                <a16:creationId xmlns:a16="http://schemas.microsoft.com/office/drawing/2014/main" id="{6E25C3DD-D417-C9BA-4E18-CFCAC91E6901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252000"/>
            <a:ext cx="8153842" cy="4942800"/>
          </a:xfrm>
          <a:prstGeom prst="rect">
            <a:avLst/>
          </a:prstGeom>
        </p:spPr>
      </p:pic>
      <p:sp>
        <p:nvSpPr>
          <p:cNvPr id="2" name="Date" descr="{&quot;templafy&quot;:{&quot;id&quot;:&quot;716df3f6-2324-4c6a-aa95-612ad364cc7e&quot;}}">
            <a:extLst>
              <a:ext uri="{FF2B5EF4-FFF2-40B4-BE49-F238E27FC236}">
                <a16:creationId xmlns:a16="http://schemas.microsoft.com/office/drawing/2014/main" id="{026F991B-FA14-5DAA-0AA7-CAD46A865395}"/>
              </a:ext>
            </a:extLst>
          </p:cNvPr>
          <p:cNvSpPr/>
          <p:nvPr userDrawn="1"/>
        </p:nvSpPr>
        <p:spPr>
          <a:xfrm>
            <a:off x="510148" y="1958690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67FA8EFE-4C47-FCE3-B6AC-5447FCFDCFB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698579"/>
            <a:ext cx="5447738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0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/>
              <a:t>Click to edit Master text styles</a:t>
            </a:r>
          </a:p>
        </p:txBody>
      </p:sp>
      <p:sp>
        <p:nvSpPr>
          <p:cNvPr id="8" name="Text Placeholder 10">
            <a:extLst>
              <a:ext uri="{FF2B5EF4-FFF2-40B4-BE49-F238E27FC236}">
                <a16:creationId xmlns:a16="http://schemas.microsoft.com/office/drawing/2014/main" id="{7F122860-6A8E-7F6C-9873-2F5C94593E38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10148" y="3467204"/>
            <a:ext cx="5447738" cy="39676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>
            <a:noAutofit/>
          </a:bodyPr>
          <a:lstStyle>
            <a:lvl1pPr>
              <a:defRPr lang="en-US" sz="2100" kern="1200" smtClean="0">
                <a:solidFill>
                  <a:schemeClr val="lt1"/>
                </a:solidFill>
              </a:defRPr>
            </a:lvl1pPr>
            <a:lvl2pPr>
              <a:defRPr lang="en-US" sz="1800" smtClean="0">
                <a:solidFill>
                  <a:schemeClr val="lt1"/>
                </a:solidFill>
              </a:defRPr>
            </a:lvl2pPr>
            <a:lvl3pPr>
              <a:defRPr lang="en-US" sz="1800" smtClean="0">
                <a:solidFill>
                  <a:schemeClr val="lt1"/>
                </a:solidFill>
              </a:defRPr>
            </a:lvl3pPr>
            <a:lvl4pPr>
              <a:defRPr lang="en-US" sz="1800" smtClean="0">
                <a:solidFill>
                  <a:schemeClr val="lt1"/>
                </a:solidFill>
              </a:defRPr>
            </a:lvl4pPr>
            <a:lvl5pPr>
              <a:defRPr lang="nl-NL" sz="1800">
                <a:solidFill>
                  <a:schemeClr val="lt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Name" descr="{&quot;templafy&quot;:{&quot;id&quot;:&quot;9dff6cbf-39cf-4384-ab85-5fca64d7df69&quot;}}">
            <a:extLst>
              <a:ext uri="{FF2B5EF4-FFF2-40B4-BE49-F238E27FC236}">
                <a16:creationId xmlns:a16="http://schemas.microsoft.com/office/drawing/2014/main" id="{15110289-8183-480C-568E-24667C007AD1}"/>
              </a:ext>
            </a:extLst>
          </p:cNvPr>
          <p:cNvSpPr/>
          <p:nvPr userDrawn="1"/>
        </p:nvSpPr>
        <p:spPr>
          <a:xfrm>
            <a:off x="5016501" y="4323734"/>
            <a:ext cx="3604080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r"/>
            <a:endParaRPr lang="en-GB" sz="105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C52DA36-D591-DF07-B265-D154D16822ED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0731962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Afbeelding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lue">
            <a:extLst>
              <a:ext uri="{FF2B5EF4-FFF2-40B4-BE49-F238E27FC236}">
                <a16:creationId xmlns:a16="http://schemas.microsoft.com/office/drawing/2014/main" id="{E556118B-C8DF-73D4-809C-841F54BD675C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-7144" y="2476785"/>
            <a:ext cx="7954804" cy="2666715"/>
          </a:xfrm>
          <a:prstGeom prst="rect">
            <a:avLst/>
          </a:prstGeom>
        </p:spPr>
      </p:pic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11943111-28A3-732F-8E0A-651AB9F68370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252000"/>
            <a:ext cx="9144000" cy="4992300"/>
          </a:xfrm>
          <a:custGeom>
            <a:avLst/>
            <a:gdLst>
              <a:gd name="connsiteX0" fmla="*/ 0 w 9144000"/>
              <a:gd name="connsiteY0" fmla="*/ 0 h 4992300"/>
              <a:gd name="connsiteX1" fmla="*/ 9144000 w 9144000"/>
              <a:gd name="connsiteY1" fmla="*/ 0 h 4992300"/>
              <a:gd name="connsiteX2" fmla="*/ 9144000 w 9144000"/>
              <a:gd name="connsiteY2" fmla="*/ 4992300 h 4992300"/>
              <a:gd name="connsiteX3" fmla="*/ 7935389 w 9144000"/>
              <a:gd name="connsiteY3" fmla="*/ 4992300 h 4992300"/>
              <a:gd name="connsiteX4" fmla="*/ 7732783 w 9144000"/>
              <a:gd name="connsiteY4" fmla="*/ 4758404 h 4992300"/>
              <a:gd name="connsiteX5" fmla="*/ 2269973 w 9144000"/>
              <a:gd name="connsiteY5" fmla="*/ 2340549 h 4992300"/>
              <a:gd name="connsiteX6" fmla="*/ 75387 w 9144000"/>
              <a:gd name="connsiteY6" fmla="*/ 2672339 h 4992300"/>
              <a:gd name="connsiteX7" fmla="*/ 0 w 9144000"/>
              <a:gd name="connsiteY7" fmla="*/ 2697847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9144000" h="4992300"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7935389" y="4992300"/>
                </a:lnTo>
                <a:lnTo>
                  <a:pt x="7732783" y="4758404"/>
                </a:lnTo>
                <a:cubicBezTo>
                  <a:pt x="6382775" y="3273065"/>
                  <a:pt x="4435274" y="2340549"/>
                  <a:pt x="2269973" y="2340549"/>
                </a:cubicBezTo>
                <a:cubicBezTo>
                  <a:pt x="1505749" y="2340549"/>
                  <a:pt x="768656" y="2456710"/>
                  <a:pt x="75387" y="2672339"/>
                </a:cubicBezTo>
                <a:lnTo>
                  <a:pt x="0" y="2697847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>
            <a:noAutofit/>
          </a:bodyPr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2" name="Date" descr="{&quot;templafy&quot;:{&quot;id&quot;:&quot;8f9283b8-fee4-4a93-8b1e-933f9cdeb0fa&quot;}}">
            <a:extLst>
              <a:ext uri="{FF2B5EF4-FFF2-40B4-BE49-F238E27FC236}">
                <a16:creationId xmlns:a16="http://schemas.microsoft.com/office/drawing/2014/main" id="{FA64D90C-FBCE-C255-7637-2D003C5018B5}"/>
              </a:ext>
            </a:extLst>
          </p:cNvPr>
          <p:cNvSpPr/>
          <p:nvPr userDrawn="1"/>
        </p:nvSpPr>
        <p:spPr>
          <a:xfrm>
            <a:off x="511200" y="2856963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/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825ADDEB-A532-B0A1-C6BA-FBC7A98FEB9F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510147" y="3093668"/>
            <a:ext cx="4768147" cy="768625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7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GB" b="0" i="0" err="1">
                <a:solidFill>
                  <a:srgbClr val="FFFFFF"/>
                </a:solidFill>
                <a:effectLst/>
                <a:latin typeface="-apple-system"/>
              </a:rPr>
              <a:t>Titel</a:t>
            </a:r>
            <a:r>
              <a:rPr lang="en-GB" b="0" i="0">
                <a:solidFill>
                  <a:srgbClr val="FFFFFF"/>
                </a:solidFill>
                <a:effectLst/>
                <a:latin typeface="-apple-system"/>
              </a:rPr>
              <a:t> over </a:t>
            </a:r>
            <a:r>
              <a:rPr lang="en-GB" b="0" i="0" err="1">
                <a:solidFill>
                  <a:srgbClr val="FFFFFF"/>
                </a:solidFill>
                <a:effectLst/>
                <a:latin typeface="-apple-system"/>
              </a:rPr>
              <a:t>één</a:t>
            </a:r>
            <a:r>
              <a:rPr lang="en-GB" b="0" i="0">
                <a:solidFill>
                  <a:srgbClr val="FFFFFF"/>
                </a:solidFill>
                <a:effectLst/>
                <a:latin typeface="-apple-system"/>
              </a:rPr>
              <a:t> regel</a:t>
            </a:r>
            <a:endParaRPr lang="en-US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287A57A-E449-8F3B-0E2D-4DD5858DBD11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38366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oorpagina (Afbeelding) 2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A5F1B40-8C97-EC46-7D5D-9EEBA1D1E119}"/>
              </a:ext>
            </a:extLst>
          </p:cNvPr>
          <p:cNvSpPr>
            <a:spLocks noGrp="1"/>
          </p:cNvSpPr>
          <p:nvPr>
            <p:ph type="pic" sz="quarter" idx="11"/>
          </p:nvPr>
        </p:nvSpPr>
        <p:spPr>
          <a:xfrm>
            <a:off x="0" y="252000"/>
            <a:ext cx="9144000" cy="4992300"/>
          </a:xfrm>
          <a:custGeom>
            <a:avLst/>
            <a:gdLst>
              <a:gd name="connsiteX0" fmla="*/ 0 w 9144000"/>
              <a:gd name="connsiteY0" fmla="*/ 0 h 4992300"/>
              <a:gd name="connsiteX1" fmla="*/ 9144000 w 9144000"/>
              <a:gd name="connsiteY1" fmla="*/ 0 h 4992300"/>
              <a:gd name="connsiteX2" fmla="*/ 9144000 w 9144000"/>
              <a:gd name="connsiteY2" fmla="*/ 4992300 h 4992300"/>
              <a:gd name="connsiteX3" fmla="*/ 4398438 w 9144000"/>
              <a:gd name="connsiteY3" fmla="*/ 4992300 h 4992300"/>
              <a:gd name="connsiteX4" fmla="*/ 4859975 w 9144000"/>
              <a:gd name="connsiteY4" fmla="*/ 2653786 h 4992300"/>
              <a:gd name="connsiteX5" fmla="*/ 0 w 9144000"/>
              <a:gd name="connsiteY5" fmla="*/ 1694939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9144000" h="4992300">
                <a:moveTo>
                  <a:pt x="0" y="0"/>
                </a:moveTo>
                <a:lnTo>
                  <a:pt x="9144000" y="0"/>
                </a:lnTo>
                <a:lnTo>
                  <a:pt x="9144000" y="4992300"/>
                </a:lnTo>
                <a:lnTo>
                  <a:pt x="4398438" y="4992300"/>
                </a:lnTo>
                <a:lnTo>
                  <a:pt x="4859975" y="2653786"/>
                </a:lnTo>
                <a:lnTo>
                  <a:pt x="0" y="1694939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t">
            <a:noAutofit/>
          </a:bodyPr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pic>
        <p:nvPicPr>
          <p:cNvPr id="6" name="Blue">
            <a:extLst>
              <a:ext uri="{FF2B5EF4-FFF2-40B4-BE49-F238E27FC236}">
                <a16:creationId xmlns:a16="http://schemas.microsoft.com/office/drawing/2014/main" id="{8D26B84C-B6C5-1FEB-5E2E-009D0F9AABC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0" y="1836420"/>
            <a:ext cx="4862029" cy="3306180"/>
          </a:xfrm>
          <a:prstGeom prst="rect">
            <a:avLst/>
          </a:prstGeom>
        </p:spPr>
      </p:pic>
      <p:sp>
        <p:nvSpPr>
          <p:cNvPr id="3" name="Date" descr="{&quot;templafy&quot;:{&quot;id&quot;:&quot;4e3c474a-a343-4d14-bd8e-73665ef1cbd2&quot;}}">
            <a:extLst>
              <a:ext uri="{FF2B5EF4-FFF2-40B4-BE49-F238E27FC236}">
                <a16:creationId xmlns:a16="http://schemas.microsoft.com/office/drawing/2014/main" id="{ED6CB6AF-71CB-7105-893B-F5B32ABCC0D7}"/>
              </a:ext>
            </a:extLst>
          </p:cNvPr>
          <p:cNvSpPr/>
          <p:nvPr userDrawn="1"/>
        </p:nvSpPr>
        <p:spPr>
          <a:xfrm>
            <a:off x="510148" y="2406962"/>
            <a:ext cx="5447738" cy="251544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endParaRPr lang="en-GB" sz="135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A92EBDA3-E0CB-39B2-67F5-12953AC42FF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747340"/>
            <a:ext cx="4233302" cy="1114954"/>
          </a:xfr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>
            <a:noAutofit/>
          </a:bodyPr>
          <a:lstStyle>
            <a:lvl1pPr>
              <a:lnSpc>
                <a:spcPct val="80000"/>
              </a:lnSpc>
              <a:defRPr lang="en-US" sz="3700" kern="1200" dirty="0" smtClean="0">
                <a:solidFill>
                  <a:schemeClr val="lt1"/>
                </a:solidFill>
              </a:defRPr>
            </a:lvl1pPr>
            <a:lvl2pPr>
              <a:defRPr lang="en-US" sz="1800" dirty="0" smtClean="0">
                <a:solidFill>
                  <a:schemeClr val="lt1"/>
                </a:solidFill>
              </a:defRPr>
            </a:lvl2pPr>
            <a:lvl3pPr>
              <a:defRPr lang="en-US" sz="1800" dirty="0" smtClean="0">
                <a:solidFill>
                  <a:schemeClr val="lt1"/>
                </a:solidFill>
              </a:defRPr>
            </a:lvl3pPr>
            <a:lvl4pPr>
              <a:defRPr lang="en-US" sz="1800" dirty="0" smtClean="0">
                <a:solidFill>
                  <a:schemeClr val="lt1"/>
                </a:solidFill>
              </a:defRPr>
            </a:lvl4pPr>
            <a:lvl5pPr>
              <a:defRPr lang="nl-NL" sz="1800" dirty="0">
                <a:solidFill>
                  <a:schemeClr val="lt1"/>
                </a:solidFill>
              </a:defRPr>
            </a:lvl5pPr>
          </a:lstStyle>
          <a:p>
            <a:pPr lvl="0">
              <a:lnSpc>
                <a:spcPct val="80000"/>
              </a:lnSpc>
            </a:pPr>
            <a:r>
              <a:rPr lang="en-US"/>
              <a:t>Click to edit Master text styles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E0B77FF3-A5D7-9506-4DB8-D55048A22D4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422117" y="3863231"/>
            <a:ext cx="2232000" cy="82947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5662369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BF8276-74E6-4CFA-19A0-9C3A256948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1ED8DEC5-E7F6-1780-5518-775B4FF67C68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511200" y="1120140"/>
            <a:ext cx="8126878" cy="325892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081296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tekst en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BF8276-74E6-4CFA-19A0-9C3A256948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67A72BE-B12E-381F-1863-C7FF9C70F74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7" y="1120140"/>
            <a:ext cx="3797364" cy="325892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F6DED9DE-B63F-6397-27CB-0718C5F6A7D2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835291" y="1120140"/>
            <a:ext cx="3804979" cy="3258928"/>
          </a:xfrm>
        </p:spPr>
        <p:txBody>
          <a:bodyPr/>
          <a:lstStyle/>
          <a:p>
            <a:r>
              <a:rPr lang="en-GB" err="1"/>
              <a:t>Klikken</a:t>
            </a:r>
            <a:r>
              <a:rPr lang="en-GB"/>
              <a:t> om </a:t>
            </a:r>
            <a:r>
              <a:rPr lang="en-GB" err="1"/>
              <a:t>tekst</a:t>
            </a:r>
            <a:r>
              <a:rPr lang="en-GB"/>
              <a:t> of </a:t>
            </a:r>
            <a:r>
              <a:rPr lang="en-GB" err="1"/>
              <a:t>afbeelding</a:t>
            </a:r>
            <a:r>
              <a:rPr lang="en-GB"/>
              <a:t> toe </a:t>
            </a:r>
            <a:r>
              <a:rPr lang="en-GB" err="1"/>
              <a:t>te</a:t>
            </a:r>
            <a:r>
              <a:rPr lang="en-GB"/>
              <a:t> </a:t>
            </a:r>
            <a:r>
              <a:rPr lang="en-GB" err="1"/>
              <a:t>voegen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6782412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twee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6BF8276-74E6-4CFA-19A0-9C3A256948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8A1F67DD-BD03-DFF8-A760-ADDAD75D6A39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511200" y="1120140"/>
            <a:ext cx="3797510" cy="325892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F8942AED-FAE1-1E30-F892-CB3247362C8D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35292" y="1120140"/>
            <a:ext cx="3804979" cy="3258928"/>
          </a:xfrm>
        </p:spPr>
        <p:txBody>
          <a:bodyPr/>
          <a:lstStyle/>
          <a:p>
            <a:r>
              <a:rPr lang="en-GB" err="1"/>
              <a:t>Klikken</a:t>
            </a:r>
            <a:r>
              <a:rPr lang="en-GB"/>
              <a:t> om </a:t>
            </a:r>
            <a:r>
              <a:rPr lang="en-GB" err="1"/>
              <a:t>tekst</a:t>
            </a:r>
            <a:r>
              <a:rPr lang="en-GB"/>
              <a:t> of </a:t>
            </a:r>
            <a:r>
              <a:rPr lang="en-GB" err="1"/>
              <a:t>afbeelding</a:t>
            </a:r>
            <a:r>
              <a:rPr lang="en-GB"/>
              <a:t> toe </a:t>
            </a:r>
            <a:r>
              <a:rPr lang="en-GB" err="1"/>
              <a:t>te</a:t>
            </a:r>
            <a:r>
              <a:rPr lang="en-GB"/>
              <a:t> </a:t>
            </a:r>
            <a:r>
              <a:rPr lang="en-GB" err="1"/>
              <a:t>voegen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703747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leurverloop link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B00A1EB-6381-E341-B4CF-FEDC7E23D7BF}"/>
              </a:ext>
            </a:extLst>
          </p:cNvPr>
          <p:cNvSpPr/>
          <p:nvPr userDrawn="1"/>
        </p:nvSpPr>
        <p:spPr>
          <a:xfrm>
            <a:off x="0" y="252000"/>
            <a:ext cx="9144000" cy="49923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045AAFA-A32B-E135-3205-E19E12948EC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01B50ED7-BC71-BBC1-D94D-318F228236BD}"/>
              </a:ext>
            </a:extLst>
          </p:cNvPr>
          <p:cNvSpPr/>
          <p:nvPr userDrawn="1"/>
        </p:nvSpPr>
        <p:spPr>
          <a:xfrm>
            <a:off x="0" y="252000"/>
            <a:ext cx="3060000" cy="4992300"/>
          </a:xfrm>
          <a:custGeom>
            <a:avLst/>
            <a:gdLst>
              <a:gd name="connsiteX0" fmla="*/ 0 w 3060000"/>
              <a:gd name="connsiteY0" fmla="*/ 0 h 4992300"/>
              <a:gd name="connsiteX1" fmla="*/ 3060000 w 3060000"/>
              <a:gd name="connsiteY1" fmla="*/ 0 h 4992300"/>
              <a:gd name="connsiteX2" fmla="*/ 3060000 w 3060000"/>
              <a:gd name="connsiteY2" fmla="*/ 4992300 h 4992300"/>
              <a:gd name="connsiteX3" fmla="*/ 0 w 3060000"/>
              <a:gd name="connsiteY3" fmla="*/ 4992300 h 49923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060000" h="4992300">
                <a:moveTo>
                  <a:pt x="0" y="0"/>
                </a:moveTo>
                <a:lnTo>
                  <a:pt x="3060000" y="0"/>
                </a:lnTo>
                <a:lnTo>
                  <a:pt x="3060000" y="4992300"/>
                </a:lnTo>
                <a:lnTo>
                  <a:pt x="0" y="4992300"/>
                </a:lnTo>
                <a:close/>
              </a:path>
            </a:pathLst>
          </a:custGeom>
          <a:gradFill>
            <a:gsLst>
              <a:gs pos="0">
                <a:schemeClr val="accent1"/>
              </a:gs>
              <a:gs pos="100000">
                <a:schemeClr val="accent2"/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/>
          </a:p>
        </p:txBody>
      </p:sp>
      <p:sp>
        <p:nvSpPr>
          <p:cNvPr id="16" name="Text Placeholder 15">
            <a:extLst>
              <a:ext uri="{FF2B5EF4-FFF2-40B4-BE49-F238E27FC236}">
                <a16:creationId xmlns:a16="http://schemas.microsoft.com/office/drawing/2014/main" id="{D67A72BE-B12E-381F-1863-C7FF9C70F749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0542" y="1796400"/>
            <a:ext cx="2015258" cy="2584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11" name="Content Placeholder 5">
            <a:extLst>
              <a:ext uri="{FF2B5EF4-FFF2-40B4-BE49-F238E27FC236}">
                <a16:creationId xmlns:a16="http://schemas.microsoft.com/office/drawing/2014/main" id="{9EC374C0-C935-AE39-C577-7C7447F8C1B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594201" y="435548"/>
            <a:ext cx="5046070" cy="3943520"/>
          </a:xfrm>
        </p:spPr>
        <p:txBody>
          <a:bodyPr/>
          <a:lstStyle/>
          <a:p>
            <a:r>
              <a:rPr lang="en-GB" err="1"/>
              <a:t>Klikken</a:t>
            </a:r>
            <a:r>
              <a:rPr lang="en-GB"/>
              <a:t> om </a:t>
            </a:r>
            <a:r>
              <a:rPr lang="en-GB" err="1"/>
              <a:t>tekst</a:t>
            </a:r>
            <a:r>
              <a:rPr lang="en-GB"/>
              <a:t> of </a:t>
            </a:r>
            <a:r>
              <a:rPr lang="en-GB" err="1"/>
              <a:t>afbeelding</a:t>
            </a:r>
            <a:r>
              <a:rPr lang="en-GB"/>
              <a:t> toe </a:t>
            </a:r>
            <a:r>
              <a:rPr lang="en-GB" err="1"/>
              <a:t>te</a:t>
            </a:r>
            <a:r>
              <a:rPr lang="en-GB"/>
              <a:t> </a:t>
            </a:r>
            <a:r>
              <a:rPr lang="en-GB" err="1"/>
              <a:t>voegen</a:t>
            </a:r>
            <a:endParaRPr lang="en-GB"/>
          </a:p>
        </p:txBody>
      </p:sp>
      <p:sp>
        <p:nvSpPr>
          <p:cNvPr id="18" name="Title 17">
            <a:extLst>
              <a:ext uri="{FF2B5EF4-FFF2-40B4-BE49-F238E27FC236}">
                <a16:creationId xmlns:a16="http://schemas.microsoft.com/office/drawing/2014/main" id="{4A16BE21-A2AE-640F-E15C-4C56840EFE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1348" y="435547"/>
            <a:ext cx="2014452" cy="1087200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5220F98-0FAC-CDA7-67A0-ECF99281A12B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66487" y="4582436"/>
            <a:ext cx="1112400" cy="4138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6852453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image" Target="../media/image1.png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0.xml"/><Relationship Id="rId13" Type="http://schemas.openxmlformats.org/officeDocument/2006/relationships/slideLayout" Target="../slideLayouts/slideLayout25.xml"/><Relationship Id="rId3" Type="http://schemas.openxmlformats.org/officeDocument/2006/relationships/slideLayout" Target="../slideLayouts/slideLayout15.xml"/><Relationship Id="rId7" Type="http://schemas.openxmlformats.org/officeDocument/2006/relationships/slideLayout" Target="../slideLayouts/slideLayout19.xml"/><Relationship Id="rId12" Type="http://schemas.openxmlformats.org/officeDocument/2006/relationships/slideLayout" Target="../slideLayouts/slideLayout24.xml"/><Relationship Id="rId2" Type="http://schemas.openxmlformats.org/officeDocument/2006/relationships/slideLayout" Target="../slideLayouts/slideLayout14.xml"/><Relationship Id="rId1" Type="http://schemas.openxmlformats.org/officeDocument/2006/relationships/slideLayout" Target="../slideLayouts/slideLayout13.xml"/><Relationship Id="rId6" Type="http://schemas.openxmlformats.org/officeDocument/2006/relationships/slideLayout" Target="../slideLayouts/slideLayout18.xml"/><Relationship Id="rId11" Type="http://schemas.openxmlformats.org/officeDocument/2006/relationships/slideLayout" Target="../slideLayouts/slideLayout23.xml"/><Relationship Id="rId5" Type="http://schemas.openxmlformats.org/officeDocument/2006/relationships/slideLayout" Target="../slideLayouts/slideLayout17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22.xml"/><Relationship Id="rId4" Type="http://schemas.openxmlformats.org/officeDocument/2006/relationships/slideLayout" Target="../slideLayouts/slideLayout16.xml"/><Relationship Id="rId9" Type="http://schemas.openxmlformats.org/officeDocument/2006/relationships/slideLayout" Target="../slideLayouts/slideLayout21.xml"/><Relationship Id="rId14" Type="http://schemas.openxmlformats.org/officeDocument/2006/relationships/theme" Target="../theme/theme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reeform: Shape 2">
            <a:extLst>
              <a:ext uri="{FF2B5EF4-FFF2-40B4-BE49-F238E27FC236}">
                <a16:creationId xmlns:a16="http://schemas.microsoft.com/office/drawing/2014/main" id="{12A1B0EF-BB22-B1BB-7834-8BCDBD7DC7BD}"/>
              </a:ext>
            </a:extLst>
          </p:cNvPr>
          <p:cNvSpPr/>
          <p:nvPr userDrawn="1"/>
        </p:nvSpPr>
        <p:spPr>
          <a:xfrm>
            <a:off x="0" y="252000"/>
            <a:ext cx="9144000" cy="748801"/>
          </a:xfrm>
          <a:custGeom>
            <a:avLst/>
            <a:gdLst>
              <a:gd name="connsiteX0" fmla="*/ 0 w 9144000"/>
              <a:gd name="connsiteY0" fmla="*/ 0 h 748801"/>
              <a:gd name="connsiteX1" fmla="*/ 9144000 w 9144000"/>
              <a:gd name="connsiteY1" fmla="*/ 0 h 748801"/>
              <a:gd name="connsiteX2" fmla="*/ 9144000 w 9144000"/>
              <a:gd name="connsiteY2" fmla="*/ 748801 h 748801"/>
              <a:gd name="connsiteX3" fmla="*/ 0 w 9144000"/>
              <a:gd name="connsiteY3" fmla="*/ 748801 h 748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0" h="748801">
                <a:moveTo>
                  <a:pt x="0" y="0"/>
                </a:moveTo>
                <a:lnTo>
                  <a:pt x="9144000" y="0"/>
                </a:lnTo>
                <a:lnTo>
                  <a:pt x="9144000" y="748801"/>
                </a:lnTo>
                <a:lnTo>
                  <a:pt x="0" y="748801"/>
                </a:lnTo>
                <a:close/>
              </a:path>
            </a:pathLst>
          </a:custGeom>
          <a:gradFill flip="none" rotWithShape="1">
            <a:gsLst>
              <a:gs pos="0">
                <a:schemeClr val="accent1"/>
              </a:gs>
              <a:gs pos="100000">
                <a:srgbClr val="3B54F5"/>
              </a:gs>
            </a:gsLst>
            <a:lin ang="3000000" scaled="0"/>
            <a:tileRect/>
          </a:gradFill>
          <a:ln>
            <a:noFill/>
          </a:ln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838CC50-91A2-7356-8C25-4E251BE7D5D0}"/>
              </a:ext>
            </a:extLst>
          </p:cNvPr>
          <p:cNvPicPr>
            <a:picLocks noChangeAspect="1"/>
          </p:cNvPicPr>
          <p:nvPr userDrawn="1"/>
        </p:nvPicPr>
        <p:blipFill>
          <a:blip r:embed="rId14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  <p:sp>
        <p:nvSpPr>
          <p:cNvPr id="11" name="Title Placeholder 1"/>
          <p:cNvSpPr>
            <a:spLocks noGrp="1"/>
          </p:cNvSpPr>
          <p:nvPr>
            <p:ph type="title"/>
          </p:nvPr>
        </p:nvSpPr>
        <p:spPr>
          <a:xfrm>
            <a:off x="511348" y="435549"/>
            <a:ext cx="8126878" cy="364326"/>
          </a:xfrm>
          <a:prstGeom prst="rect">
            <a:avLst/>
          </a:prstGeom>
        </p:spPr>
        <p:txBody>
          <a:bodyPr vert="horz" lIns="0" tIns="0" rIns="0" bIns="0" rtlCol="0" anchor="t" anchorCtr="0">
            <a:normAutofit/>
          </a:bodyPr>
          <a:lstStyle/>
          <a:p>
            <a:endParaRPr lang="en-US"/>
          </a:p>
        </p:txBody>
      </p:sp>
      <p:sp>
        <p:nvSpPr>
          <p:cNvPr id="35" name="Slide Number Placeholder 34">
            <a:extLst>
              <a:ext uri="{FF2B5EF4-FFF2-40B4-BE49-F238E27FC236}">
                <a16:creationId xmlns:a16="http://schemas.microsoft.com/office/drawing/2014/main" id="{1103C625-FFD8-290F-D2E8-C1121E56CDB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119110" y="4741067"/>
            <a:ext cx="519115" cy="197644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900">
                <a:solidFill>
                  <a:schemeClr val="tx1"/>
                </a:solidFill>
              </a:defRPr>
            </a:lvl1pPr>
          </a:lstStyle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56927167-F590-44A8-9814-EEA3354733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11347" y="1120140"/>
            <a:ext cx="8126878" cy="3258928"/>
          </a:xfrm>
          <a:prstGeom prst="rect">
            <a:avLst/>
          </a:prstGeom>
        </p:spPr>
        <p:txBody>
          <a:bodyPr vert="horz" wrap="square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3"/>
            <a:endParaRPr lang="en-US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F91FDB5D-FFB3-2185-FAC7-0606902D862A}"/>
              </a:ext>
            </a:extLst>
          </p:cNvPr>
          <p:cNvSpPr txBox="1"/>
          <p:nvPr userDrawn="1">
            <p:extLst>
              <p:ext uri="{1162E1C5-73C7-4A58-AE30-91384D911F3F}">
                <p184:classification xmlns:p184="http://schemas.microsoft.com/office/powerpoint/2018/4/main" val="hdr"/>
              </p:ext>
            </p:extLst>
          </p:nvPr>
        </p:nvSpPr>
        <p:spPr>
          <a:xfrm>
            <a:off x="63500" y="63500"/>
            <a:ext cx="831850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NL" sz="1000">
                <a:solidFill>
                  <a:srgbClr val="7FAA39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| DNB PUBLIC |</a:t>
            </a:r>
          </a:p>
        </p:txBody>
      </p:sp>
    </p:spTree>
    <p:extLst>
      <p:ext uri="{BB962C8B-B14F-4D97-AF65-F5344CB8AC3E}">
        <p14:creationId xmlns:p14="http://schemas.microsoft.com/office/powerpoint/2010/main" val="98304530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8" r:id="rId1"/>
    <p:sldLayoutId id="2147483670" r:id="rId2"/>
    <p:sldLayoutId id="2147483671" r:id="rId3"/>
    <p:sldLayoutId id="2147483672" r:id="rId4"/>
    <p:sldLayoutId id="2147483673" r:id="rId5"/>
    <p:sldLayoutId id="2147483674" r:id="rId6"/>
    <p:sldLayoutId id="2147483675" r:id="rId7"/>
    <p:sldLayoutId id="2147483676" r:id="rId8"/>
    <p:sldLayoutId id="2147483679" r:id="rId9"/>
    <p:sldLayoutId id="2147483680" r:id="rId10"/>
    <p:sldLayoutId id="2147483682" r:id="rId11"/>
    <p:sldLayoutId id="2147483681" r:id="rId12"/>
  </p:sldLayoutIdLst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250" kern="120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20000"/>
        </a:lnSpc>
        <a:spcBef>
          <a:spcPts val="0"/>
        </a:spcBef>
        <a:buFont typeface="Arial" panose="020B0604020202020204" pitchFamily="34" charset="0"/>
        <a:buNone/>
        <a:defRPr sz="1350" b="0" kern="0" spc="0" baseline="0">
          <a:solidFill>
            <a:schemeClr val="tx1"/>
          </a:solidFill>
          <a:latin typeface="+mn-lt"/>
          <a:ea typeface="+mn-ea"/>
          <a:cs typeface="+mn-cs"/>
        </a:defRPr>
      </a:lvl1pPr>
      <a:lvl2pPr marL="0" indent="-180000" algn="l" defTabSz="914400" rtl="0" eaLnBrk="1" latinLnBrk="0" hangingPunct="1">
        <a:lnSpc>
          <a:spcPct val="120000"/>
        </a:lnSpc>
        <a:spcBef>
          <a:spcPts val="800"/>
        </a:spcBef>
        <a:spcAft>
          <a:spcPts val="0"/>
        </a:spcAft>
        <a:buSzPct val="80000"/>
        <a:buFont typeface="Wingdings" panose="05000000000000000000" pitchFamily="2" charset="2"/>
        <a:buChar char="§"/>
        <a:defRPr sz="1350" b="0" kern="1200">
          <a:solidFill>
            <a:schemeClr val="tx1"/>
          </a:solidFill>
          <a:latin typeface="+mn-lt"/>
          <a:ea typeface="+mn-ea"/>
          <a:cs typeface="+mn-cs"/>
        </a:defRPr>
      </a:lvl2pPr>
      <a:lvl3pPr marL="558000" indent="-180000" algn="l" defTabSz="914400" rtl="0" eaLnBrk="1" latinLnBrk="0" hangingPunct="1">
        <a:lnSpc>
          <a:spcPct val="120000"/>
        </a:lnSpc>
        <a:spcBef>
          <a:spcPts val="800"/>
        </a:spcBef>
        <a:buSzPct val="80000"/>
        <a:buFont typeface="Wingdings" panose="05000000000000000000" pitchFamily="2" charset="2"/>
        <a:buChar char="§"/>
        <a:defRPr sz="1350" b="0" kern="1200">
          <a:solidFill>
            <a:schemeClr val="tx1"/>
          </a:solidFill>
          <a:latin typeface="+mn-lt"/>
          <a:ea typeface="+mn-ea"/>
          <a:cs typeface="+mn-cs"/>
        </a:defRPr>
      </a:lvl3pPr>
      <a:lvl4pPr marL="756000" indent="-180000" algn="l" defTabSz="914400" rtl="0" eaLnBrk="1" latinLnBrk="0" hangingPunct="1">
        <a:lnSpc>
          <a:spcPct val="120000"/>
        </a:lnSpc>
        <a:spcBef>
          <a:spcPts val="800"/>
        </a:spcBef>
        <a:buSzPct val="80000"/>
        <a:buFont typeface="Verdana" panose="020B0604030504040204" pitchFamily="34" charset="0"/>
        <a:buChar char="-"/>
        <a:defRPr sz="135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20000"/>
        </a:lnSpc>
        <a:spcBef>
          <a:spcPts val="800"/>
        </a:spcBef>
        <a:spcAft>
          <a:spcPts val="0"/>
        </a:spcAft>
        <a:buSzPct val="80000"/>
        <a:buFontTx/>
        <a:buNone/>
        <a:defRPr sz="1350" b="1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620" userDrawn="1">
          <p15:clr>
            <a:srgbClr val="F26B43"/>
          </p15:clr>
        </p15:guide>
        <p15:guide id="2" pos="2880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reeform: Shape 2">
            <a:extLst>
              <a:ext uri="{FF2B5EF4-FFF2-40B4-BE49-F238E27FC236}">
                <a16:creationId xmlns:a16="http://schemas.microsoft.com/office/drawing/2014/main" id="{12A1B0EF-BB22-B1BB-7834-8BCDBD7DC7BD}"/>
              </a:ext>
            </a:extLst>
          </p:cNvPr>
          <p:cNvSpPr/>
          <p:nvPr userDrawn="1"/>
        </p:nvSpPr>
        <p:spPr>
          <a:xfrm>
            <a:off x="0" y="252000"/>
            <a:ext cx="9144000" cy="748801"/>
          </a:xfrm>
          <a:custGeom>
            <a:avLst/>
            <a:gdLst>
              <a:gd name="connsiteX0" fmla="*/ 0 w 9144000"/>
              <a:gd name="connsiteY0" fmla="*/ 0 h 748801"/>
              <a:gd name="connsiteX1" fmla="*/ 9144000 w 9144000"/>
              <a:gd name="connsiteY1" fmla="*/ 0 h 748801"/>
              <a:gd name="connsiteX2" fmla="*/ 9144000 w 9144000"/>
              <a:gd name="connsiteY2" fmla="*/ 748801 h 748801"/>
              <a:gd name="connsiteX3" fmla="*/ 0 w 9144000"/>
              <a:gd name="connsiteY3" fmla="*/ 748801 h 7488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44000" h="748801">
                <a:moveTo>
                  <a:pt x="0" y="0"/>
                </a:moveTo>
                <a:lnTo>
                  <a:pt x="9144000" y="0"/>
                </a:lnTo>
                <a:lnTo>
                  <a:pt x="9144000" y="748801"/>
                </a:lnTo>
                <a:lnTo>
                  <a:pt x="0" y="748801"/>
                </a:lnTo>
                <a:close/>
              </a:path>
            </a:pathLst>
          </a:custGeom>
          <a:gradFill flip="none" rotWithShape="1">
            <a:gsLst>
              <a:gs pos="0">
                <a:schemeClr val="accent1"/>
              </a:gs>
              <a:gs pos="100000">
                <a:srgbClr val="3B54F5"/>
              </a:gs>
            </a:gsLst>
            <a:lin ang="3000000" scaled="0"/>
            <a:tileRect/>
          </a:gradFill>
          <a:ln>
            <a:noFill/>
          </a:ln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GB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7838CC50-91A2-7356-8C25-4E251BE7D5D0}"/>
              </a:ext>
            </a:extLst>
          </p:cNvPr>
          <p:cNvPicPr>
            <a:picLocks noChangeAspect="1"/>
          </p:cNvPicPr>
          <p:nvPr userDrawn="1"/>
        </p:nvPicPr>
        <p:blipFill>
          <a:blip r:embed="rId15"/>
          <a:stretch>
            <a:fillRect/>
          </a:stretch>
        </p:blipFill>
        <p:spPr>
          <a:xfrm>
            <a:off x="464270" y="4583856"/>
            <a:ext cx="1112901" cy="414000"/>
          </a:xfrm>
          <a:prstGeom prst="rect">
            <a:avLst/>
          </a:prstGeom>
        </p:spPr>
      </p:pic>
      <p:sp>
        <p:nvSpPr>
          <p:cNvPr id="11" name="Title Placeholder 1"/>
          <p:cNvSpPr>
            <a:spLocks noGrp="1"/>
          </p:cNvSpPr>
          <p:nvPr>
            <p:ph type="title"/>
          </p:nvPr>
        </p:nvSpPr>
        <p:spPr>
          <a:xfrm>
            <a:off x="511348" y="435549"/>
            <a:ext cx="8126878" cy="364326"/>
          </a:xfrm>
          <a:prstGeom prst="rect">
            <a:avLst/>
          </a:prstGeom>
        </p:spPr>
        <p:txBody>
          <a:bodyPr vert="horz" lIns="0" tIns="0" rIns="0" bIns="0" rtlCol="0" anchor="t" anchorCtr="0">
            <a:normAutofit/>
          </a:bodyPr>
          <a:lstStyle/>
          <a:p>
            <a:endParaRPr lang="en-US"/>
          </a:p>
        </p:txBody>
      </p:sp>
      <p:sp>
        <p:nvSpPr>
          <p:cNvPr id="35" name="Slide Number Placeholder 34">
            <a:extLst>
              <a:ext uri="{FF2B5EF4-FFF2-40B4-BE49-F238E27FC236}">
                <a16:creationId xmlns:a16="http://schemas.microsoft.com/office/drawing/2014/main" id="{1103C625-FFD8-290F-D2E8-C1121E56CDB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119110" y="4741067"/>
            <a:ext cx="519115" cy="197644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900">
                <a:solidFill>
                  <a:schemeClr val="tx1"/>
                </a:solidFill>
              </a:defRPr>
            </a:lvl1pPr>
          </a:lstStyle>
          <a:p>
            <a:fld id="{A57ACD69-77E0-4B27-BE9A-0E1A45A60CED}" type="slidenum">
              <a:rPr lang="en-US" smtClean="0"/>
              <a:pPr/>
              <a:t>‹nr.›</a:t>
            </a:fld>
            <a:endParaRPr lang="en-GB"/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56927167-F590-44A8-9814-EEA3354733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511347" y="1120140"/>
            <a:ext cx="8126878" cy="3258928"/>
          </a:xfrm>
          <a:prstGeom prst="rect">
            <a:avLst/>
          </a:prstGeom>
        </p:spPr>
        <p:txBody>
          <a:bodyPr vert="horz" wrap="square" lIns="0" tIns="0" rIns="0" bIns="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3"/>
            <a:endParaRPr lang="en-US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2D12BB02-0DAB-2A58-DC01-ACB5DA0538F4}"/>
              </a:ext>
            </a:extLst>
          </p:cNvPr>
          <p:cNvSpPr txBox="1"/>
          <p:nvPr>
            <p:extLst>
              <p:ext uri="{1162E1C5-73C7-4A58-AE30-91384D911F3F}">
                <p184:classification xmlns:p184="http://schemas.microsoft.com/office/powerpoint/2018/4/main" val="hdr"/>
              </p:ext>
            </p:extLst>
          </p:nvPr>
        </p:nvSpPr>
        <p:spPr>
          <a:xfrm>
            <a:off x="63500" y="63500"/>
            <a:ext cx="831850" cy="152400"/>
          </a:xfrm>
          <a:prstGeom prst="rect">
            <a:avLst/>
          </a:prstGeom>
        </p:spPr>
        <p:txBody>
          <a:bodyPr horzOverflow="overflow" lIns="0" tIns="0" rIns="0" bIns="0">
            <a:spAutoFit/>
          </a:bodyPr>
          <a:lstStyle/>
          <a:p>
            <a:pPr algn="l"/>
            <a:r>
              <a:rPr lang="en-NL" sz="1000">
                <a:solidFill>
                  <a:srgbClr val="7FAA39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| DNB PUBLIC |</a:t>
            </a:r>
          </a:p>
        </p:txBody>
      </p:sp>
    </p:spTree>
    <p:extLst>
      <p:ext uri="{BB962C8B-B14F-4D97-AF65-F5344CB8AC3E}">
        <p14:creationId xmlns:p14="http://schemas.microsoft.com/office/powerpoint/2010/main" val="291280898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4" r:id="rId1"/>
    <p:sldLayoutId id="2147483685" r:id="rId2"/>
    <p:sldLayoutId id="2147483686" r:id="rId3"/>
    <p:sldLayoutId id="2147483687" r:id="rId4"/>
    <p:sldLayoutId id="2147483688" r:id="rId5"/>
    <p:sldLayoutId id="2147483689" r:id="rId6"/>
    <p:sldLayoutId id="2147483690" r:id="rId7"/>
    <p:sldLayoutId id="2147483691" r:id="rId8"/>
    <p:sldLayoutId id="2147483692" r:id="rId9"/>
    <p:sldLayoutId id="2147483693" r:id="rId10"/>
    <p:sldLayoutId id="2147483694" r:id="rId11"/>
    <p:sldLayoutId id="2147483695" r:id="rId12"/>
    <p:sldLayoutId id="2147483696" r:id="rId13"/>
  </p:sldLayoutIdLst>
  <p:hf hdr="0"/>
  <p:txStyles>
    <p:titleStyle>
      <a:lvl1pPr algn="l" defTabSz="914400" rtl="0" eaLnBrk="1" latinLnBrk="0" hangingPunct="1">
        <a:lnSpc>
          <a:spcPct val="100000"/>
        </a:lnSpc>
        <a:spcBef>
          <a:spcPct val="0"/>
        </a:spcBef>
        <a:buNone/>
        <a:defRPr sz="2250" kern="120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20000"/>
        </a:lnSpc>
        <a:spcBef>
          <a:spcPts val="0"/>
        </a:spcBef>
        <a:buFont typeface="Arial" panose="020B0604020202020204" pitchFamily="34" charset="0"/>
        <a:buNone/>
        <a:defRPr sz="1350" b="0" kern="0" spc="0" baseline="0">
          <a:solidFill>
            <a:schemeClr val="tx1"/>
          </a:solidFill>
          <a:latin typeface="+mn-lt"/>
          <a:ea typeface="+mn-ea"/>
          <a:cs typeface="+mn-cs"/>
        </a:defRPr>
      </a:lvl1pPr>
      <a:lvl2pPr marL="0" indent="-180000" algn="l" defTabSz="914400" rtl="0" eaLnBrk="1" latinLnBrk="0" hangingPunct="1">
        <a:lnSpc>
          <a:spcPct val="120000"/>
        </a:lnSpc>
        <a:spcBef>
          <a:spcPts val="800"/>
        </a:spcBef>
        <a:spcAft>
          <a:spcPts val="0"/>
        </a:spcAft>
        <a:buSzPct val="80000"/>
        <a:buFont typeface="Wingdings" panose="05000000000000000000" pitchFamily="2" charset="2"/>
        <a:buChar char="§"/>
        <a:defRPr sz="1350" b="0" kern="1200">
          <a:solidFill>
            <a:schemeClr val="tx1"/>
          </a:solidFill>
          <a:latin typeface="+mn-lt"/>
          <a:ea typeface="+mn-ea"/>
          <a:cs typeface="+mn-cs"/>
        </a:defRPr>
      </a:lvl2pPr>
      <a:lvl3pPr marL="558000" indent="-180000" algn="l" defTabSz="914400" rtl="0" eaLnBrk="1" latinLnBrk="0" hangingPunct="1">
        <a:lnSpc>
          <a:spcPct val="120000"/>
        </a:lnSpc>
        <a:spcBef>
          <a:spcPts val="800"/>
        </a:spcBef>
        <a:buSzPct val="80000"/>
        <a:buFont typeface="Wingdings" panose="05000000000000000000" pitchFamily="2" charset="2"/>
        <a:buChar char="§"/>
        <a:defRPr sz="1350" b="0" kern="1200">
          <a:solidFill>
            <a:schemeClr val="tx1"/>
          </a:solidFill>
          <a:latin typeface="+mn-lt"/>
          <a:ea typeface="+mn-ea"/>
          <a:cs typeface="+mn-cs"/>
        </a:defRPr>
      </a:lvl3pPr>
      <a:lvl4pPr marL="756000" indent="-180000" algn="l" defTabSz="914400" rtl="0" eaLnBrk="1" latinLnBrk="0" hangingPunct="1">
        <a:lnSpc>
          <a:spcPct val="120000"/>
        </a:lnSpc>
        <a:spcBef>
          <a:spcPts val="800"/>
        </a:spcBef>
        <a:buSzPct val="80000"/>
        <a:buFont typeface="Verdana" panose="020B0604030504040204" pitchFamily="34" charset="0"/>
        <a:buChar char="-"/>
        <a:defRPr sz="1350" b="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20000"/>
        </a:lnSpc>
        <a:spcBef>
          <a:spcPts val="800"/>
        </a:spcBef>
        <a:spcAft>
          <a:spcPts val="0"/>
        </a:spcAft>
        <a:buSzPct val="80000"/>
        <a:buFontTx/>
        <a:buNone/>
        <a:defRPr sz="1350" b="1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620">
          <p15:clr>
            <a:srgbClr val="F26B43"/>
          </p15:clr>
        </p15:guide>
        <p15:guide id="2" pos="2880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jpeg"/><Relationship Id="rId1" Type="http://schemas.openxmlformats.org/officeDocument/2006/relationships/slideLayout" Target="../slideLayouts/slideLayout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jpeg"/><Relationship Id="rId2" Type="http://schemas.openxmlformats.org/officeDocument/2006/relationships/image" Target="../media/image16.jpeg"/><Relationship Id="rId1" Type="http://schemas.openxmlformats.org/officeDocument/2006/relationships/slideLayout" Target="../slideLayouts/slideLayout7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jpeg"/><Relationship Id="rId2" Type="http://schemas.openxmlformats.org/officeDocument/2006/relationships/image" Target="../media/image18.jpeg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20.jpeg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7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7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emf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21.xml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diagramData" Target="../diagrams/data2.xml"/><Relationship Id="rId7" Type="http://schemas.microsoft.com/office/2007/relationships/diagramDrawing" Target="../diagrams/drawing2.xml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7.xml"/><Relationship Id="rId6" Type="http://schemas.openxmlformats.org/officeDocument/2006/relationships/diagramColors" Target="../diagrams/colors2.xml"/><Relationship Id="rId5" Type="http://schemas.openxmlformats.org/officeDocument/2006/relationships/diagramQuickStyle" Target="../diagrams/quickStyle2.xml"/><Relationship Id="rId4" Type="http://schemas.openxmlformats.org/officeDocument/2006/relationships/diagramLayout" Target="../diagrams/layout2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7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7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hyperlink" Target="mailto:t.c.d.van.de.graaf@dnb.nl" TargetMode="External"/><Relationship Id="rId2" Type="http://schemas.openxmlformats.org/officeDocument/2006/relationships/hyperlink" Target="mailto:l.w.van.duijn@dnb.nl" TargetMode="External"/><Relationship Id="rId1" Type="http://schemas.openxmlformats.org/officeDocument/2006/relationships/slideLayout" Target="../slideLayouts/slideLayout7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/Relationships>
</file>

<file path=ppt/slides/_rels/slide2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png"/><Relationship Id="rId3" Type="http://schemas.openxmlformats.org/officeDocument/2006/relationships/image" Target="../media/image24.png"/><Relationship Id="rId7" Type="http://schemas.openxmlformats.org/officeDocument/2006/relationships/image" Target="../media/image28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8.xml"/><Relationship Id="rId6" Type="http://schemas.openxmlformats.org/officeDocument/2006/relationships/image" Target="../media/image27.png"/><Relationship Id="rId5" Type="http://schemas.openxmlformats.org/officeDocument/2006/relationships/image" Target="../media/image26.png"/><Relationship Id="rId10" Type="http://schemas.openxmlformats.org/officeDocument/2006/relationships/image" Target="../media/image31.png"/><Relationship Id="rId4" Type="http://schemas.openxmlformats.org/officeDocument/2006/relationships/image" Target="../media/image25.png"/><Relationship Id="rId9" Type="http://schemas.openxmlformats.org/officeDocument/2006/relationships/image" Target="../media/image30.png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jpe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18.xml"/></Relationships>
</file>

<file path=ppt/slides/_rels/slide2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18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18.xml"/></Relationships>
</file>

<file path=ppt/slides/_rels/slide3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25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jpe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16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20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18.xml"/><Relationship Id="rId4" Type="http://schemas.openxmlformats.org/officeDocument/2006/relationships/image" Target="../media/image36.png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7" Type="http://schemas.openxmlformats.org/officeDocument/2006/relationships/image" Target="../media/image41.pn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18.xml"/><Relationship Id="rId6" Type="http://schemas.openxmlformats.org/officeDocument/2006/relationships/image" Target="../media/image40.png"/><Relationship Id="rId5" Type="http://schemas.openxmlformats.org/officeDocument/2006/relationships/image" Target="../media/image39.png"/><Relationship Id="rId4" Type="http://schemas.openxmlformats.org/officeDocument/2006/relationships/image" Target="../media/image38.png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18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jpe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16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15.xml"/><Relationship Id="rId5" Type="http://schemas.openxmlformats.org/officeDocument/2006/relationships/image" Target="../media/image42.png"/><Relationship Id="rId4" Type="http://schemas.openxmlformats.org/officeDocument/2006/relationships/notesSlide" Target="../notesSlides/notesSlide23.xml"/></Relationships>
</file>

<file path=ppt/slides/_rels/slide3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18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jpe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16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png"/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18.xml"/><Relationship Id="rId6" Type="http://schemas.openxmlformats.org/officeDocument/2006/relationships/image" Target="../media/image46.svg"/><Relationship Id="rId5" Type="http://schemas.openxmlformats.org/officeDocument/2006/relationships/image" Target="../media/image45.png"/><Relationship Id="rId4" Type="http://schemas.openxmlformats.org/officeDocument/2006/relationships/image" Target="../media/image44.svg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21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jpeg"/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16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16.xml"/><Relationship Id="rId5" Type="http://schemas.openxmlformats.org/officeDocument/2006/relationships/image" Target="../media/image48.png"/><Relationship Id="rId4" Type="http://schemas.openxmlformats.org/officeDocument/2006/relationships/notesSlide" Target="../notesSlides/notesSlide29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3.xml"/><Relationship Id="rId4" Type="http://schemas.openxmlformats.org/officeDocument/2006/relationships/notesSlide" Target="../notesSlides/notesSlide30.xml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jpeg"/><Relationship Id="rId2" Type="http://schemas.openxmlformats.org/officeDocument/2006/relationships/notesSlide" Target="../notesSlides/notesSlide31.xml"/><Relationship Id="rId1" Type="http://schemas.openxmlformats.org/officeDocument/2006/relationships/slideLayout" Target="../slideLayouts/slideLayout16.xml"/></Relationships>
</file>

<file path=ppt/slides/_rels/slide4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5.xml"/><Relationship Id="rId4" Type="http://schemas.openxmlformats.org/officeDocument/2006/relationships/notesSlide" Target="../notesSlides/notesSlide32.xml"/></Relationships>
</file>

<file path=ppt/slides/_rels/slide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jpeg"/><Relationship Id="rId2" Type="http://schemas.openxmlformats.org/officeDocument/2006/relationships/notesSlide" Target="../notesSlides/notesSlide33.xml"/><Relationship Id="rId1" Type="http://schemas.openxmlformats.org/officeDocument/2006/relationships/slideLayout" Target="../slideLayouts/slideLayout16.xml"/></Relationships>
</file>

<file path=ppt/slides/_rels/slide4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6.xml"/><Relationship Id="rId4" Type="http://schemas.openxmlformats.org/officeDocument/2006/relationships/notesSlide" Target="../notesSlides/notesSlide3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/Relationships>
</file>

<file path=ppt/slides/_rels/slide5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9.xml"/></Relationships>
</file>

<file path=ppt/slides/_rels/slide51.xml.rels><?xml version="1.0" encoding="UTF-8" standalone="yes"?>
<Relationships xmlns="http://schemas.openxmlformats.org/package/2006/relationships"><Relationship Id="rId3" Type="http://schemas.openxmlformats.org/officeDocument/2006/relationships/hyperlink" Target="mailto:l.w.van.duijn@dnb.nl" TargetMode="External"/><Relationship Id="rId2" Type="http://schemas.openxmlformats.org/officeDocument/2006/relationships/notesSlide" Target="../notesSlides/notesSlide35.xml"/><Relationship Id="rId1" Type="http://schemas.openxmlformats.org/officeDocument/2006/relationships/slideLayout" Target="../slideLayouts/slideLayout19.xml"/><Relationship Id="rId4" Type="http://schemas.openxmlformats.org/officeDocument/2006/relationships/hyperlink" Target="mailto:t.c.d.van.de.graaf@dnb.nl" TargetMode="Externa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3.xml"/><Relationship Id="rId4" Type="http://schemas.openxmlformats.org/officeDocument/2006/relationships/notesSlide" Target="../notesSlides/notesSlide6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5A7CC602-B70A-805D-59A2-7E075C0B76E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8" y="2698579"/>
            <a:ext cx="8123704" cy="768625"/>
          </a:xfrm>
        </p:spPr>
        <p:txBody>
          <a:bodyPr/>
          <a:lstStyle/>
          <a:p>
            <a:r>
              <a:rPr lang="nl-NL">
                <a:solidFill>
                  <a:schemeClr val="bg1"/>
                </a:solidFill>
              </a:rPr>
              <a:t>Informatiemiddag kleinere SII </a:t>
            </a:r>
            <a:r>
              <a:rPr lang="nl-NL"/>
              <a:t>schadeverzekeraars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1AEF188-BC9A-DAC2-1959-15B7CD46771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nl-NL"/>
              <a:t>DNB, 28 juni 2024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9681513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ekst 1">
            <a:extLst>
              <a:ext uri="{FF2B5EF4-FFF2-40B4-BE49-F238E27FC236}">
                <a16:creationId xmlns:a16="http://schemas.microsoft.com/office/drawing/2014/main" id="{A1B2895D-1D3A-B5E1-B7FD-CA088F74420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3221" y="3121144"/>
            <a:ext cx="5447738" cy="768625"/>
          </a:xfrm>
        </p:spPr>
        <p:txBody>
          <a:bodyPr/>
          <a:lstStyle/>
          <a:p>
            <a:r>
              <a:rPr lang="nl-NL" sz="3200"/>
              <a:t>SII herziening: algemeen</a:t>
            </a:r>
            <a:endParaRPr lang="en-NL" sz="3200"/>
          </a:p>
        </p:txBody>
      </p:sp>
    </p:spTree>
    <p:extLst>
      <p:ext uri="{BB962C8B-B14F-4D97-AF65-F5344CB8AC3E}">
        <p14:creationId xmlns:p14="http://schemas.microsoft.com/office/powerpoint/2010/main" val="371672441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58B5F1D-3148-9BA4-A3F6-AECAE682444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err="1"/>
              <a:t>Solvency</a:t>
            </a:r>
            <a:r>
              <a:rPr lang="nl-NL"/>
              <a:t> II Raamwerk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E44D7148-35BD-3FE1-37C0-12B2204CD4E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1</a:t>
            </a:fld>
            <a:endParaRPr lang="en-GB"/>
          </a:p>
        </p:txBody>
      </p:sp>
      <p:pic>
        <p:nvPicPr>
          <p:cNvPr id="1026" name="Picture 2" descr="An Overview of Solvency II">
            <a:extLst>
              <a:ext uri="{FF2B5EF4-FFF2-40B4-BE49-F238E27FC236}">
                <a16:creationId xmlns:a16="http://schemas.microsoft.com/office/drawing/2014/main" id="{2BBEE27B-8652-0035-4A99-8067EC7E6E6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572923" y="1120140"/>
            <a:ext cx="6224506" cy="35670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01144488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AE0B9F0-DBF8-2A92-E1EC-5859C5A8167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err="1"/>
              <a:t>Solvency</a:t>
            </a:r>
            <a:r>
              <a:rPr lang="nl-NL"/>
              <a:t> II Review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8C03CD11-E179-B72F-7812-C2D0B1D1A65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2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E7DA4F62-B81C-92EE-3331-03CD65A6ABC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00460FFE-AD7F-F73D-BE1B-272BEBE8F149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/>
          <a:lstStyle/>
          <a:p>
            <a:endParaRPr lang="en-NL"/>
          </a:p>
        </p:txBody>
      </p:sp>
      <p:pic>
        <p:nvPicPr>
          <p:cNvPr id="6" name="Picture 2" descr="Solvency2-review">
            <a:extLst>
              <a:ext uri="{FF2B5EF4-FFF2-40B4-BE49-F238E27FC236}">
                <a16:creationId xmlns:a16="http://schemas.microsoft.com/office/drawing/2014/main" id="{5AEC3A75-3648-4E88-6EAB-D4ADFF17E58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11837" y="1220548"/>
            <a:ext cx="4922804" cy="179067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4">
            <a:extLst>
              <a:ext uri="{FF2B5EF4-FFF2-40B4-BE49-F238E27FC236}">
                <a16:creationId xmlns:a16="http://schemas.microsoft.com/office/drawing/2014/main" id="{A3E1C0E7-1C6E-3D31-4C63-1625559160C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523951" y="1359047"/>
            <a:ext cx="5410055" cy="304165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13903068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8C282F1-91A8-7E2A-09E4-A049E5CBB3A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err="1"/>
              <a:t>Triloog</a:t>
            </a:r>
            <a:r>
              <a:rPr lang="nl-NL"/>
              <a:t>: belangrijke onderhandelpunten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81BAD122-48A6-E143-CCF8-95ADE3E9B75D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3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28E32AE9-FE5D-F597-2C36-C76A3B11C1E4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5" name="Tijdelijke aanduiding voor inhoud 4">
            <a:extLst>
              <a:ext uri="{FF2B5EF4-FFF2-40B4-BE49-F238E27FC236}">
                <a16:creationId xmlns:a16="http://schemas.microsoft.com/office/drawing/2014/main" id="{842E451D-079F-C53C-C580-E029ACBF9A3F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/>
          <a:lstStyle/>
          <a:p>
            <a:endParaRPr lang="en-NL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A0671B0D-24B4-3078-EF73-51A841BC8F72}"/>
              </a:ext>
            </a:extLst>
          </p:cNvPr>
          <p:cNvSpPr/>
          <p:nvPr/>
        </p:nvSpPr>
        <p:spPr>
          <a:xfrm>
            <a:off x="365377" y="1161874"/>
            <a:ext cx="3624892" cy="3416320"/>
          </a:xfrm>
          <a:prstGeom prst="rect">
            <a:avLst/>
          </a:prstGeom>
          <a:solidFill>
            <a:schemeClr val="accent5">
              <a:lumMod val="60000"/>
              <a:lumOff val="40000"/>
            </a:schemeClr>
          </a:solidFill>
        </p:spPr>
        <p:txBody>
          <a:bodyPr wrap="square">
            <a:spAutoFit/>
          </a:bodyPr>
          <a:lstStyle/>
          <a:p>
            <a:r>
              <a:rPr lang="nl-NL" sz="900" b="1"/>
              <a:t>Karakter van de Richtlijn. </a:t>
            </a:r>
            <a:r>
              <a:rPr lang="nl-NL" sz="900" b="1" err="1"/>
              <a:t>Principle</a:t>
            </a:r>
            <a:r>
              <a:rPr lang="nl-NL" sz="900" b="1"/>
              <a:t> </a:t>
            </a:r>
            <a:r>
              <a:rPr lang="nl-NL" sz="900" b="1" err="1"/>
              <a:t>based</a:t>
            </a:r>
            <a:r>
              <a:rPr lang="nl-NL" sz="900" b="1"/>
              <a:t>?</a:t>
            </a:r>
            <a:r>
              <a:rPr lang="nl-NL" sz="900"/>
              <a:t> </a:t>
            </a:r>
          </a:p>
          <a:p>
            <a:r>
              <a:rPr lang="nl-NL" sz="900"/>
              <a:t>Voorziening is gebaseerd op de </a:t>
            </a:r>
            <a:r>
              <a:rPr lang="nl-NL" sz="900" i="1"/>
              <a:t>beste schatting</a:t>
            </a:r>
          </a:p>
          <a:p>
            <a:r>
              <a:rPr lang="nl-NL" sz="900"/>
              <a:t>Vereist kapitaal is gebaseerd op </a:t>
            </a:r>
            <a:r>
              <a:rPr lang="nl-NL" sz="900" i="1"/>
              <a:t>1 in 200 jaar</a:t>
            </a:r>
            <a:r>
              <a:rPr lang="nl-NL" sz="900"/>
              <a:t> </a:t>
            </a:r>
          </a:p>
          <a:p>
            <a:endParaRPr lang="nl-NL" sz="900" b="1"/>
          </a:p>
          <a:p>
            <a:r>
              <a:rPr lang="nl-NL" sz="900" b="1"/>
              <a:t>Extrapolatie: </a:t>
            </a:r>
            <a:r>
              <a:rPr lang="nl-NL" sz="900"/>
              <a:t>aansluiting bij marktgegevens</a:t>
            </a:r>
            <a:endParaRPr lang="nl-NL" sz="900" b="1"/>
          </a:p>
          <a:p>
            <a:endParaRPr lang="nl-NL" sz="900" b="1"/>
          </a:p>
          <a:p>
            <a:r>
              <a:rPr lang="nl-NL" sz="900" b="1"/>
              <a:t>Risicomarge: </a:t>
            </a:r>
            <a:r>
              <a:rPr lang="nl-NL" sz="900"/>
              <a:t>onderhandeling over </a:t>
            </a:r>
            <a:r>
              <a:rPr lang="nl-NL" sz="900" i="1" err="1"/>
              <a:t>cost</a:t>
            </a:r>
            <a:r>
              <a:rPr lang="nl-NL" sz="900" i="1"/>
              <a:t> of </a:t>
            </a:r>
            <a:r>
              <a:rPr lang="nl-NL" sz="900" i="1" err="1"/>
              <a:t>capital</a:t>
            </a:r>
            <a:endParaRPr lang="nl-NL" sz="900"/>
          </a:p>
          <a:p>
            <a:endParaRPr lang="nl-NL" sz="900" b="1"/>
          </a:p>
          <a:p>
            <a:r>
              <a:rPr lang="nl-NL" sz="900" b="1" err="1"/>
              <a:t>Volatility</a:t>
            </a:r>
            <a:r>
              <a:rPr lang="nl-NL" sz="900" b="1"/>
              <a:t> </a:t>
            </a:r>
            <a:r>
              <a:rPr lang="nl-NL" sz="900" b="1" err="1"/>
              <a:t>Adjustment</a:t>
            </a:r>
            <a:r>
              <a:rPr lang="nl-NL" sz="900" b="1"/>
              <a:t>: </a:t>
            </a:r>
            <a:r>
              <a:rPr lang="nl-NL" sz="900"/>
              <a:t>Opslag op de rekenrente: omhoog?</a:t>
            </a:r>
          </a:p>
          <a:p>
            <a:endParaRPr lang="nl-NL" sz="900" b="1"/>
          </a:p>
          <a:p>
            <a:r>
              <a:rPr lang="nl-NL" sz="900" b="1"/>
              <a:t>Proportionaliteit. </a:t>
            </a:r>
            <a:r>
              <a:rPr lang="nl-NL" sz="900"/>
              <a:t>Introductie van </a:t>
            </a:r>
            <a:r>
              <a:rPr lang="nl-NL" sz="900" i="1"/>
              <a:t>Small </a:t>
            </a:r>
            <a:r>
              <a:rPr lang="nl-NL" sz="900" i="1" err="1"/>
              <a:t>and</a:t>
            </a:r>
            <a:r>
              <a:rPr lang="nl-NL" sz="900" i="1"/>
              <a:t> non-complex </a:t>
            </a:r>
            <a:r>
              <a:rPr lang="nl-NL" sz="900" i="1" err="1"/>
              <a:t>Undertakings</a:t>
            </a:r>
            <a:r>
              <a:rPr lang="nl-NL" sz="900"/>
              <a:t>. </a:t>
            </a:r>
          </a:p>
          <a:p>
            <a:endParaRPr lang="nl-NL" sz="900" b="1"/>
          </a:p>
          <a:p>
            <a:r>
              <a:rPr lang="nl-NL" sz="900" b="1"/>
              <a:t>Grensoverschrijdende dienstverlening: </a:t>
            </a:r>
            <a:r>
              <a:rPr lang="nl-NL" sz="900"/>
              <a:t>meer mogelijkheden voor toezichthouders om informatie uit te wisselen</a:t>
            </a:r>
          </a:p>
          <a:p>
            <a:endParaRPr lang="nl-NL" sz="900" b="1"/>
          </a:p>
          <a:p>
            <a:r>
              <a:rPr lang="nl-NL" sz="900" b="1"/>
              <a:t>Duurzaamheid: </a:t>
            </a:r>
            <a:r>
              <a:rPr lang="nl-NL" sz="900"/>
              <a:t>meenemen in ORSA, risicomanagement en beleggingsbeleid. Transitieplannen, lange termijn scenarioanalyses</a:t>
            </a:r>
          </a:p>
          <a:p>
            <a:endParaRPr lang="nl-NL" sz="900" b="1"/>
          </a:p>
          <a:p>
            <a:r>
              <a:rPr lang="nl-NL" sz="900"/>
              <a:t>De publicatie vindt naar verwachting eind 2024 plaats met implementatie in Nationale wetgeving per eind 2026.</a:t>
            </a:r>
            <a:endParaRPr lang="nl-NL" sz="900" b="1"/>
          </a:p>
        </p:txBody>
      </p:sp>
      <p:pic>
        <p:nvPicPr>
          <p:cNvPr id="7" name="Picture 2" descr="Nieuw Parlement, nieuwe Commissie | Nieuws | Europees Parlement">
            <a:extLst>
              <a:ext uri="{FF2B5EF4-FFF2-40B4-BE49-F238E27FC236}">
                <a16:creationId xmlns:a16="http://schemas.microsoft.com/office/drawing/2014/main" id="{980019B3-18BD-750E-698C-861DD840913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396423" y="886702"/>
            <a:ext cx="2908457" cy="102422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4" descr="Bezoek aan de Europese Raad - ProDemos">
            <a:extLst>
              <a:ext uri="{FF2B5EF4-FFF2-40B4-BE49-F238E27FC236}">
                <a16:creationId xmlns:a16="http://schemas.microsoft.com/office/drawing/2014/main" id="{ABF29C01-337D-709A-44F5-B9CD10BFDD7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396422" y="3627845"/>
            <a:ext cx="2908458" cy="102049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9" name="Picture 6" descr="Parlement stemt over de nieuwe Europese Commissie | Nieuws | Europees  Parlement">
            <a:extLst>
              <a:ext uri="{FF2B5EF4-FFF2-40B4-BE49-F238E27FC236}">
                <a16:creationId xmlns:a16="http://schemas.microsoft.com/office/drawing/2014/main" id="{756D3141-8080-612D-C9C4-705249D8ECE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210810" y="2293723"/>
            <a:ext cx="1496492" cy="72965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Pijl: rechts 9">
            <a:extLst>
              <a:ext uri="{FF2B5EF4-FFF2-40B4-BE49-F238E27FC236}">
                <a16:creationId xmlns:a16="http://schemas.microsoft.com/office/drawing/2014/main" id="{F81561BA-4A88-097E-3E56-03E8A5D22201}"/>
              </a:ext>
            </a:extLst>
          </p:cNvPr>
          <p:cNvSpPr/>
          <p:nvPr/>
        </p:nvSpPr>
        <p:spPr>
          <a:xfrm>
            <a:off x="5822938" y="2421612"/>
            <a:ext cx="2481943" cy="494100"/>
          </a:xfrm>
          <a:prstGeom prst="rightArrow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800"/>
              <a:t>voorstel</a:t>
            </a:r>
            <a:endParaRPr lang="en-NL" sz="800"/>
          </a:p>
        </p:txBody>
      </p:sp>
      <p:sp>
        <p:nvSpPr>
          <p:cNvPr id="11" name="Stroomdiagram: Meerdere documenten 10">
            <a:extLst>
              <a:ext uri="{FF2B5EF4-FFF2-40B4-BE49-F238E27FC236}">
                <a16:creationId xmlns:a16="http://schemas.microsoft.com/office/drawing/2014/main" id="{8302DF8C-8255-1318-64F2-61A8C430B414}"/>
              </a:ext>
            </a:extLst>
          </p:cNvPr>
          <p:cNvSpPr/>
          <p:nvPr/>
        </p:nvSpPr>
        <p:spPr>
          <a:xfrm>
            <a:off x="8420517" y="2293723"/>
            <a:ext cx="723483" cy="893697"/>
          </a:xfrm>
          <a:prstGeom prst="flowChartMultidocumen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l-NL" sz="800"/>
              <a:t>Richtlijn</a:t>
            </a:r>
            <a:endParaRPr lang="en-NL" sz="800"/>
          </a:p>
        </p:txBody>
      </p:sp>
    </p:spTree>
    <p:extLst>
      <p:ext uri="{BB962C8B-B14F-4D97-AF65-F5344CB8AC3E}">
        <p14:creationId xmlns:p14="http://schemas.microsoft.com/office/powerpoint/2010/main" val="3009493871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45ECB4C-3713-881A-CD6F-35FD171171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Wetgevingsniveaus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21509BAC-8AB7-C3AC-5466-672D6BEE85D7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4</a:t>
            </a:fld>
            <a:endParaRPr lang="en-GB"/>
          </a:p>
        </p:txBody>
      </p:sp>
      <p:pic>
        <p:nvPicPr>
          <p:cNvPr id="6" name="Picture 1" descr="Machine generated alternative text:&#10;Different levels of rules &#10;Level l:rramework Directive &#10;Level 2: Implementlng Measures — delegated acts (Commission) &#10;Level 2.5: Technical Standards E10PA &#10;Level 3: Guidance by E10PA to ensure consistent implementation and cooperation &#10;between MS &#10;Level 4: Rigorous enforcement of Commumty legislatuon by the Commss.on ">
            <a:extLst>
              <a:ext uri="{FF2B5EF4-FFF2-40B4-BE49-F238E27FC236}">
                <a16:creationId xmlns:a16="http://schemas.microsoft.com/office/drawing/2014/main" id="{681D6931-B8DB-01A2-2F93-47A865B6BD5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390674" y="1235103"/>
            <a:ext cx="5476875" cy="30384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Tekstvak 6">
            <a:extLst>
              <a:ext uri="{FF2B5EF4-FFF2-40B4-BE49-F238E27FC236}">
                <a16:creationId xmlns:a16="http://schemas.microsoft.com/office/drawing/2014/main" id="{F40E3E1E-7B89-A04F-70E9-501AAC04C58B}"/>
              </a:ext>
            </a:extLst>
          </p:cNvPr>
          <p:cNvSpPr txBox="1"/>
          <p:nvPr/>
        </p:nvSpPr>
        <p:spPr>
          <a:xfrm>
            <a:off x="2537133" y="4692490"/>
            <a:ext cx="5581977" cy="246221"/>
          </a:xfrm>
          <a:prstGeom prst="rect">
            <a:avLst/>
          </a:prstGeom>
          <a:noFill/>
          <a:ln w="19050">
            <a:solidFill>
              <a:schemeClr val="accent1">
                <a:lumMod val="50000"/>
              </a:schemeClr>
            </a:solidFill>
          </a:ln>
        </p:spPr>
        <p:txBody>
          <a:bodyPr wrap="none" rtlCol="0">
            <a:spAutoFit/>
          </a:bodyPr>
          <a:lstStyle/>
          <a:p>
            <a:r>
              <a:rPr lang="nl-NL" sz="1000"/>
              <a:t>Andere EU-Richtlijnen: DORA, IRRD, Cyber &amp; information security, ESAP, CRR/CRD</a:t>
            </a:r>
            <a:endParaRPr lang="en-NL" sz="1000"/>
          </a:p>
        </p:txBody>
      </p:sp>
      <p:sp>
        <p:nvSpPr>
          <p:cNvPr id="8" name="Tekstvak 7">
            <a:extLst>
              <a:ext uri="{FF2B5EF4-FFF2-40B4-BE49-F238E27FC236}">
                <a16:creationId xmlns:a16="http://schemas.microsoft.com/office/drawing/2014/main" id="{34D7C160-0255-C11D-F4CB-5403D302277C}"/>
              </a:ext>
            </a:extLst>
          </p:cNvPr>
          <p:cNvSpPr txBox="1"/>
          <p:nvPr/>
        </p:nvSpPr>
        <p:spPr>
          <a:xfrm>
            <a:off x="6921047" y="3338555"/>
            <a:ext cx="466255" cy="246221"/>
          </a:xfrm>
          <a:prstGeom prst="rect">
            <a:avLst/>
          </a:prstGeom>
          <a:noFill/>
          <a:ln w="19050">
            <a:solidFill>
              <a:schemeClr val="accent1">
                <a:lumMod val="50000"/>
              </a:schemeClr>
            </a:solidFill>
          </a:ln>
        </p:spPr>
        <p:txBody>
          <a:bodyPr wrap="square" rtlCol="0">
            <a:spAutoFit/>
          </a:bodyPr>
          <a:lstStyle/>
          <a:p>
            <a:r>
              <a:rPr lang="nl-NL" sz="1000"/>
              <a:t>692</a:t>
            </a:r>
            <a:endParaRPr lang="en-NL" sz="1000"/>
          </a:p>
        </p:txBody>
      </p:sp>
      <p:sp>
        <p:nvSpPr>
          <p:cNvPr id="9" name="Tekstvak 8">
            <a:extLst>
              <a:ext uri="{FF2B5EF4-FFF2-40B4-BE49-F238E27FC236}">
                <a16:creationId xmlns:a16="http://schemas.microsoft.com/office/drawing/2014/main" id="{6F153C57-E01F-01E8-C5DA-BEBA97A373BE}"/>
              </a:ext>
            </a:extLst>
          </p:cNvPr>
          <p:cNvSpPr txBox="1"/>
          <p:nvPr/>
        </p:nvSpPr>
        <p:spPr>
          <a:xfrm>
            <a:off x="6921047" y="2155326"/>
            <a:ext cx="466255" cy="246221"/>
          </a:xfrm>
          <a:prstGeom prst="rect">
            <a:avLst/>
          </a:prstGeom>
          <a:noFill/>
          <a:ln w="19050">
            <a:solidFill>
              <a:schemeClr val="accent1">
                <a:lumMod val="5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nl-NL" sz="1000"/>
              <a:t>1</a:t>
            </a:r>
            <a:endParaRPr lang="en-NL" sz="1000"/>
          </a:p>
        </p:txBody>
      </p:sp>
      <p:sp>
        <p:nvSpPr>
          <p:cNvPr id="10" name="Tekstvak 9">
            <a:extLst>
              <a:ext uri="{FF2B5EF4-FFF2-40B4-BE49-F238E27FC236}">
                <a16:creationId xmlns:a16="http://schemas.microsoft.com/office/drawing/2014/main" id="{23582211-4512-A65E-5138-890E1EE4B599}"/>
              </a:ext>
            </a:extLst>
          </p:cNvPr>
          <p:cNvSpPr txBox="1"/>
          <p:nvPr/>
        </p:nvSpPr>
        <p:spPr>
          <a:xfrm>
            <a:off x="6921047" y="2709182"/>
            <a:ext cx="466255" cy="246221"/>
          </a:xfrm>
          <a:prstGeom prst="rect">
            <a:avLst/>
          </a:prstGeom>
          <a:noFill/>
          <a:ln w="19050">
            <a:solidFill>
              <a:schemeClr val="accent1">
                <a:lumMod val="50000"/>
              </a:schemeClr>
            </a:solidFill>
          </a:ln>
        </p:spPr>
        <p:txBody>
          <a:bodyPr wrap="square" rtlCol="0">
            <a:spAutoFit/>
          </a:bodyPr>
          <a:lstStyle/>
          <a:p>
            <a:r>
              <a:rPr lang="nl-NL" sz="1000"/>
              <a:t>10+</a:t>
            </a:r>
            <a:endParaRPr lang="en-NL" sz="1000"/>
          </a:p>
        </p:txBody>
      </p:sp>
      <p:sp>
        <p:nvSpPr>
          <p:cNvPr id="11" name="Tekstvak 10">
            <a:extLst>
              <a:ext uri="{FF2B5EF4-FFF2-40B4-BE49-F238E27FC236}">
                <a16:creationId xmlns:a16="http://schemas.microsoft.com/office/drawing/2014/main" id="{862FEA4F-DD23-A9DC-297E-D293DCFEFD82}"/>
              </a:ext>
            </a:extLst>
          </p:cNvPr>
          <p:cNvSpPr txBox="1"/>
          <p:nvPr/>
        </p:nvSpPr>
        <p:spPr>
          <a:xfrm>
            <a:off x="6921047" y="1630088"/>
            <a:ext cx="466255" cy="246221"/>
          </a:xfrm>
          <a:prstGeom prst="rect">
            <a:avLst/>
          </a:prstGeom>
          <a:noFill/>
          <a:ln w="19050">
            <a:solidFill>
              <a:schemeClr val="accent1">
                <a:lumMod val="50000"/>
              </a:schemeClr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nl-NL" sz="1000"/>
              <a:t>1</a:t>
            </a:r>
            <a:endParaRPr lang="en-NL" sz="1000"/>
          </a:p>
        </p:txBody>
      </p:sp>
    </p:spTree>
    <p:extLst>
      <p:ext uri="{BB962C8B-B14F-4D97-AF65-F5344CB8AC3E}">
        <p14:creationId xmlns:p14="http://schemas.microsoft.com/office/powerpoint/2010/main" val="354167400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8" grpId="0" animBg="1"/>
      <p:bldP spid="9" grpId="0" animBg="1"/>
      <p:bldP spid="10" grpId="0" animBg="1"/>
      <p:bldP spid="11" grpId="0" animBg="1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1660DB8-DFDB-5700-A16F-554C94E265F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Gefaseerde ontwikkeling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52C77FD0-21BB-6ED9-CB9C-F72C1D175B3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5</a:t>
            </a:fld>
            <a:endParaRPr lang="en-GB"/>
          </a:p>
        </p:txBody>
      </p:sp>
      <p:graphicFrame>
        <p:nvGraphicFramePr>
          <p:cNvPr id="6" name="Diagram 5">
            <a:extLst>
              <a:ext uri="{FF2B5EF4-FFF2-40B4-BE49-F238E27FC236}">
                <a16:creationId xmlns:a16="http://schemas.microsoft.com/office/drawing/2014/main" id="{38B90BAA-B203-EFFB-99E1-6A9F13204250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717392490"/>
              </p:ext>
            </p:extLst>
          </p:nvPr>
        </p:nvGraphicFramePr>
        <p:xfrm>
          <a:off x="979200" y="1159200"/>
          <a:ext cx="5897215" cy="275684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7" name="Gelijkbenige driehoek 6">
            <a:extLst>
              <a:ext uri="{FF2B5EF4-FFF2-40B4-BE49-F238E27FC236}">
                <a16:creationId xmlns:a16="http://schemas.microsoft.com/office/drawing/2014/main" id="{6B6A934D-B484-BE77-B70A-7717762ED4F9}"/>
              </a:ext>
            </a:extLst>
          </p:cNvPr>
          <p:cNvSpPr/>
          <p:nvPr/>
        </p:nvSpPr>
        <p:spPr>
          <a:xfrm>
            <a:off x="2160415" y="4046400"/>
            <a:ext cx="4716000" cy="396000"/>
          </a:xfrm>
          <a:prstGeom prst="triangle">
            <a:avLst>
              <a:gd name="adj" fmla="val 100000"/>
            </a:avLst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r>
              <a:rPr lang="nl-NL" sz="850"/>
              <a:t>Voorbereiding door de sector</a:t>
            </a:r>
            <a:endParaRPr lang="en-NL" sz="850"/>
          </a:p>
        </p:txBody>
      </p:sp>
    </p:spTree>
    <p:extLst>
      <p:ext uri="{BB962C8B-B14F-4D97-AF65-F5344CB8AC3E}">
        <p14:creationId xmlns:p14="http://schemas.microsoft.com/office/powerpoint/2010/main" val="217860713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431AD18-D0F7-6376-A79E-1954565F4E8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Discussie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70B7910E-CA6B-D2ED-AE68-F1B2ED7A45B2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6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81B15F9F-54BE-BB7C-632C-D6F4ECC53B0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6" y="1120140"/>
            <a:ext cx="8126878" cy="3258928"/>
          </a:xfrm>
        </p:spPr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nl-NL"/>
              <a:t>Hoe wordt u geïnformeerd over de aanpassing van EU-Richtlijnen en verordeningen (DORA, AI-Act, </a:t>
            </a:r>
            <a:r>
              <a:rPr lang="nl-NL" err="1"/>
              <a:t>Solvency</a:t>
            </a:r>
            <a:r>
              <a:rPr lang="nl-NL"/>
              <a:t> II, IRRD)?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NL"/>
              <a:t>Welke aanpassing in </a:t>
            </a:r>
            <a:r>
              <a:rPr lang="nl-NL" err="1"/>
              <a:t>Solvency</a:t>
            </a:r>
            <a:r>
              <a:rPr lang="nl-NL"/>
              <a:t> II heeft de meeste impact op uw onderneming?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NL"/>
              <a:t>Wat verwacht u van DNB?</a:t>
            </a:r>
          </a:p>
          <a:p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279144188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ekst 1">
            <a:extLst>
              <a:ext uri="{FF2B5EF4-FFF2-40B4-BE49-F238E27FC236}">
                <a16:creationId xmlns:a16="http://schemas.microsoft.com/office/drawing/2014/main" id="{82B6B050-0F12-83BB-FE16-DCE790E553A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3220" y="3047622"/>
            <a:ext cx="6782930" cy="768625"/>
          </a:xfrm>
        </p:spPr>
        <p:txBody>
          <a:bodyPr/>
          <a:lstStyle/>
          <a:p>
            <a:r>
              <a:rPr lang="nl-NL" sz="3200"/>
              <a:t>SII herziening: proportionaliteit </a:t>
            </a:r>
            <a:endParaRPr lang="en-NL" sz="3200"/>
          </a:p>
        </p:txBody>
      </p:sp>
    </p:spTree>
    <p:extLst>
      <p:ext uri="{BB962C8B-B14F-4D97-AF65-F5344CB8AC3E}">
        <p14:creationId xmlns:p14="http://schemas.microsoft.com/office/powerpoint/2010/main" val="2222143191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5666797-3D3C-46BB-F47A-3E8454B1FF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In het kort…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332B29D2-90ED-F146-B022-6ADBA736724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18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D9EF2819-C523-743A-395B-2284D1F37E4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6" y="1361548"/>
            <a:ext cx="8236413" cy="3256172"/>
          </a:xfrm>
        </p:spPr>
        <p:txBody>
          <a:bodyPr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/>
              <a:t>Het principe van proportionaliteit blijft, aantal maatregelen nu expliciet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/>
              <a:t>Introductie van </a:t>
            </a:r>
            <a:r>
              <a:rPr lang="nl-NL" b="1"/>
              <a:t>Small </a:t>
            </a:r>
            <a:r>
              <a:rPr lang="nl-NL" b="1" err="1"/>
              <a:t>and</a:t>
            </a:r>
            <a:r>
              <a:rPr lang="nl-NL" b="1"/>
              <a:t> Non-complex </a:t>
            </a:r>
            <a:r>
              <a:rPr lang="nl-NL" b="1" err="1"/>
              <a:t>undertakings</a:t>
            </a:r>
            <a:r>
              <a:rPr lang="nl-NL"/>
              <a:t> (</a:t>
            </a:r>
            <a:r>
              <a:rPr lang="nl-NL" err="1"/>
              <a:t>SNCU’s</a:t>
            </a:r>
            <a:r>
              <a:rPr lang="nl-NL"/>
              <a:t>)</a:t>
            </a:r>
          </a:p>
          <a:p>
            <a:endParaRPr lang="nl-NL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/>
              <a:t>De drempelwaardes SII verhoogd (daaronder: SII-Basic) </a:t>
            </a:r>
          </a:p>
        </p:txBody>
      </p:sp>
      <p:sp>
        <p:nvSpPr>
          <p:cNvPr id="5" name="Tijdelijke aanduiding voor tekst 3">
            <a:extLst>
              <a:ext uri="{FF2B5EF4-FFF2-40B4-BE49-F238E27FC236}">
                <a16:creationId xmlns:a16="http://schemas.microsoft.com/office/drawing/2014/main" id="{4999A0D2-422A-701C-3A0F-4FEBB0E25259}"/>
              </a:ext>
            </a:extLst>
          </p:cNvPr>
          <p:cNvSpPr txBox="1">
            <a:spLocks/>
          </p:cNvSpPr>
          <p:nvPr/>
        </p:nvSpPr>
        <p:spPr>
          <a:xfrm>
            <a:off x="505775" y="4179394"/>
            <a:ext cx="8126878" cy="561673"/>
          </a:xfrm>
          <a:prstGeom prst="rect">
            <a:avLst/>
          </a:prstGeom>
        </p:spPr>
        <p:txBody>
          <a:bodyPr vert="horz" wrap="square" lIns="0" tIns="0" rIns="0" bIns="0" rtlCol="0">
            <a:normAutofit/>
          </a:bodyPr>
          <a:lstStyle>
            <a:lvl1pPr marL="0" indent="0" algn="l" defTabSz="914400" rtl="0" eaLnBrk="1" latinLnBrk="0" hangingPunct="1">
              <a:lnSpc>
                <a:spcPct val="120000"/>
              </a:lnSpc>
              <a:spcBef>
                <a:spcPts val="0"/>
              </a:spcBef>
              <a:buFont typeface="Arial" panose="020B0604020202020204" pitchFamily="34" charset="0"/>
              <a:buNone/>
              <a:defRPr sz="1350" b="0" kern="0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-180000" algn="l" defTabSz="914400" rtl="0" eaLnBrk="1" latinLnBrk="0" hangingPunct="1">
              <a:lnSpc>
                <a:spcPct val="120000"/>
              </a:lnSpc>
              <a:spcBef>
                <a:spcPts val="800"/>
              </a:spcBef>
              <a:spcAft>
                <a:spcPts val="0"/>
              </a:spcAft>
              <a:buSzPct val="80000"/>
              <a:buFont typeface="Wingdings" panose="05000000000000000000" pitchFamily="2" charset="2"/>
              <a:buChar char="§"/>
              <a:defRPr sz="135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58000" indent="-180000" algn="l" defTabSz="914400" rtl="0" eaLnBrk="1" latinLnBrk="0" hangingPunct="1">
              <a:lnSpc>
                <a:spcPct val="120000"/>
              </a:lnSpc>
              <a:spcBef>
                <a:spcPts val="800"/>
              </a:spcBef>
              <a:buSzPct val="80000"/>
              <a:buFont typeface="Wingdings" panose="05000000000000000000" pitchFamily="2" charset="2"/>
              <a:buChar char="§"/>
              <a:defRPr sz="135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56000" indent="-180000" algn="l" defTabSz="914400" rtl="0" eaLnBrk="1" latinLnBrk="0" hangingPunct="1">
              <a:lnSpc>
                <a:spcPct val="120000"/>
              </a:lnSpc>
              <a:spcBef>
                <a:spcPts val="800"/>
              </a:spcBef>
              <a:buSzPct val="80000"/>
              <a:buFont typeface="Verdana" panose="020B0604030504040204" pitchFamily="34" charset="0"/>
              <a:buChar char="-"/>
              <a:defRPr sz="135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20000"/>
              </a:lnSpc>
              <a:spcBef>
                <a:spcPts val="800"/>
              </a:spcBef>
              <a:spcAft>
                <a:spcPts val="0"/>
              </a:spcAft>
              <a:buSzPct val="80000"/>
              <a:buFontTx/>
              <a:buNone/>
              <a:defRPr sz="135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285750" indent="-285750">
              <a:buFont typeface="Arial" panose="020B0604020202020204" pitchFamily="34" charset="0"/>
              <a:buChar char="•"/>
            </a:pPr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93856329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4127D8E-DF33-A89B-2547-44A4DDBEF66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1348" y="435549"/>
            <a:ext cx="8126878" cy="364326"/>
          </a:xfrm>
        </p:spPr>
        <p:txBody>
          <a:bodyPr anchor="t">
            <a:normAutofit/>
          </a:bodyPr>
          <a:lstStyle/>
          <a:p>
            <a:r>
              <a:rPr lang="nl-NL"/>
              <a:t>SNCU: wat zijn de implicaties?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771D2D08-FE6B-8A4B-E255-8A7CCC12B9E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8119110" y="4741067"/>
            <a:ext cx="519115" cy="197644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fld id="{A57ACD69-77E0-4B27-BE9A-0E1A45A60CED}" type="slidenum">
              <a:rPr lang="en-US" smtClean="0"/>
              <a:pPr>
                <a:spcAft>
                  <a:spcPts val="600"/>
                </a:spcAft>
              </a:pPr>
              <a:t>19</a:t>
            </a:fld>
            <a:endParaRPr lang="en-GB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7368E9A9-1B63-0387-253F-0C8E365EF812}"/>
              </a:ext>
            </a:extLst>
          </p:cNvPr>
          <p:cNvSpPr txBox="1"/>
          <p:nvPr/>
        </p:nvSpPr>
        <p:spPr>
          <a:xfrm>
            <a:off x="483640" y="1288991"/>
            <a:ext cx="7267979" cy="5078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350"/>
              <a:t>Geclassificeerd als SNCU? </a:t>
            </a:r>
            <a:r>
              <a:rPr lang="nl-NL" sz="1350">
                <a:sym typeface="Wingdings" panose="05000000000000000000" pitchFamily="2" charset="2"/>
              </a:rPr>
              <a:t> In beginsel toegang tot onderstaande evenredigheidsmaatregelen: </a:t>
            </a:r>
            <a:r>
              <a:rPr lang="nl-NL" sz="1350"/>
              <a:t> </a:t>
            </a:r>
            <a:endParaRPr lang="en-NL" sz="1350"/>
          </a:p>
        </p:txBody>
      </p:sp>
      <p:pic>
        <p:nvPicPr>
          <p:cNvPr id="6" name="Afbeelding 5">
            <a:extLst>
              <a:ext uri="{FF2B5EF4-FFF2-40B4-BE49-F238E27FC236}">
                <a16:creationId xmlns:a16="http://schemas.microsoft.com/office/drawing/2014/main" id="{116D8478-B76B-6537-8A47-0BD74AE8C2D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11348" y="1992412"/>
            <a:ext cx="7610400" cy="21868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601205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20EE43-AA27-3C07-FCC1-87BB9813B4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Programma 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F3CFCBD-1F99-02CB-79B8-4A7ABDCE86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</a:t>
            </a:fld>
            <a:endParaRPr lang="en-GB"/>
          </a:p>
        </p:txBody>
      </p:sp>
      <p:sp>
        <p:nvSpPr>
          <p:cNvPr id="5" name="Tekstvak 4">
            <a:extLst>
              <a:ext uri="{FF2B5EF4-FFF2-40B4-BE49-F238E27FC236}">
                <a16:creationId xmlns:a16="http://schemas.microsoft.com/office/drawing/2014/main" id="{49CC5F20-034E-FA62-F5D4-65E06C978327}"/>
              </a:ext>
            </a:extLst>
          </p:cNvPr>
          <p:cNvSpPr txBox="1"/>
          <p:nvPr/>
        </p:nvSpPr>
        <p:spPr>
          <a:xfrm>
            <a:off x="511348" y="1414524"/>
            <a:ext cx="8354430" cy="646331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r>
              <a:rPr lang="en-US" sz="1200"/>
              <a:t>13:30 – 14:00	</a:t>
            </a:r>
            <a:r>
              <a:rPr lang="en-US" sz="1200" err="1"/>
              <a:t>Inloop</a:t>
            </a:r>
            <a:r>
              <a:rPr lang="en-US" sz="1200"/>
              <a:t>	</a:t>
            </a:r>
          </a:p>
          <a:p>
            <a:r>
              <a:rPr lang="en-US" sz="1200"/>
              <a:t>			</a:t>
            </a:r>
          </a:p>
          <a:p>
            <a:r>
              <a:rPr lang="en-US" sz="1200"/>
              <a:t>14:00 – 14:05	Opening				Roel Ploegmakers</a:t>
            </a:r>
          </a:p>
          <a:p>
            <a:r>
              <a:rPr lang="en-US" sz="1200"/>
              <a:t>14:05 – 14:20	</a:t>
            </a:r>
            <a:r>
              <a:rPr lang="en-US" sz="1200" err="1"/>
              <a:t>Toezichtcyclus</a:t>
            </a:r>
            <a:r>
              <a:rPr lang="en-US" sz="1200"/>
              <a:t> 2024 </a:t>
            </a:r>
            <a:r>
              <a:rPr lang="en-US" sz="1200" err="1"/>
              <a:t>voor</a:t>
            </a:r>
            <a:r>
              <a:rPr lang="en-US" sz="1200"/>
              <a:t> </a:t>
            </a:r>
            <a:r>
              <a:rPr lang="en-US" sz="1200" err="1"/>
              <a:t>schadeverzekeraars</a:t>
            </a:r>
            <a:r>
              <a:rPr lang="en-US" sz="1200"/>
              <a:t>	Tim van de Graaf</a:t>
            </a:r>
            <a:endParaRPr lang="en-US" sz="1200">
              <a:solidFill>
                <a:srgbClr val="FF0000"/>
              </a:solidFill>
            </a:endParaRPr>
          </a:p>
          <a:p>
            <a:r>
              <a:rPr lang="en-US" sz="1200"/>
              <a:t>14:20 – 14:40	SII </a:t>
            </a:r>
            <a:r>
              <a:rPr lang="en-US" sz="1200" err="1"/>
              <a:t>herziening</a:t>
            </a:r>
            <a:r>
              <a:rPr lang="en-US" sz="1200"/>
              <a:t>: </a:t>
            </a:r>
            <a:r>
              <a:rPr lang="en-US" sz="1200" err="1"/>
              <a:t>algemeen</a:t>
            </a:r>
            <a:r>
              <a:rPr lang="en-US" sz="1200"/>
              <a:t>		Jan Wijbrand Attema</a:t>
            </a:r>
          </a:p>
          <a:p>
            <a:r>
              <a:rPr lang="en-US" sz="1200"/>
              <a:t>14:40 – 15:00	SII </a:t>
            </a:r>
            <a:r>
              <a:rPr lang="en-US" sz="1200" err="1"/>
              <a:t>herziening</a:t>
            </a:r>
            <a:r>
              <a:rPr lang="en-US" sz="1200"/>
              <a:t>: </a:t>
            </a:r>
            <a:r>
              <a:rPr lang="en-US" sz="1200" err="1"/>
              <a:t>proportionaliteit</a:t>
            </a:r>
            <a:r>
              <a:rPr lang="en-US" sz="1200"/>
              <a:t>		Tim van de Graaf</a:t>
            </a:r>
          </a:p>
          <a:p>
            <a:endParaRPr lang="en-US" sz="1200"/>
          </a:p>
          <a:p>
            <a:r>
              <a:rPr lang="en-US" sz="1200"/>
              <a:t>15:00 – 15:15	</a:t>
            </a:r>
            <a:r>
              <a:rPr lang="en-US" sz="1200" err="1"/>
              <a:t>Pauze</a:t>
            </a:r>
            <a:endParaRPr lang="en-US" sz="1200"/>
          </a:p>
          <a:p>
            <a:endParaRPr lang="en-US" sz="1200"/>
          </a:p>
          <a:p>
            <a:r>
              <a:rPr lang="en-US" sz="1200"/>
              <a:t>15:15 – 16:15	DORA &amp; </a:t>
            </a:r>
            <a:r>
              <a:rPr lang="en-US" sz="1200" err="1"/>
              <a:t>Informatiebeveiliging</a:t>
            </a:r>
            <a:r>
              <a:rPr lang="en-US" sz="1200"/>
              <a:t> 		Marcel Verhoeven</a:t>
            </a:r>
          </a:p>
          <a:p>
            <a:r>
              <a:rPr lang="en-US" sz="1200"/>
              <a:t>16:15 – 16:30	</a:t>
            </a:r>
            <a:r>
              <a:rPr lang="en-US" sz="1200" err="1"/>
              <a:t>Afsluiting</a:t>
            </a:r>
            <a:r>
              <a:rPr lang="en-US" sz="1200"/>
              <a:t> &amp; extra </a:t>
            </a:r>
            <a:r>
              <a:rPr lang="en-US" sz="1200" err="1"/>
              <a:t>mogelijkheid</a:t>
            </a:r>
            <a:r>
              <a:rPr lang="en-US" sz="1200"/>
              <a:t> </a:t>
            </a:r>
            <a:r>
              <a:rPr lang="en-US" sz="1200" err="1"/>
              <a:t>voor</a:t>
            </a:r>
            <a:r>
              <a:rPr lang="en-US" sz="1200"/>
              <a:t> </a:t>
            </a:r>
            <a:r>
              <a:rPr lang="en-US" sz="1200" err="1"/>
              <a:t>vragen</a:t>
            </a:r>
            <a:r>
              <a:rPr lang="en-US" sz="1200"/>
              <a:t>		</a:t>
            </a:r>
          </a:p>
          <a:p>
            <a:endParaRPr lang="en-US" sz="1200"/>
          </a:p>
          <a:p>
            <a:r>
              <a:rPr lang="en-US" sz="1200"/>
              <a:t>16:30 – 17:30	Borrel		</a:t>
            </a:r>
            <a:endParaRPr lang="en-NL" sz="120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070597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DFE3176-DE6C-174D-900F-4654D1B5B21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0098" y="425327"/>
            <a:ext cx="8588047" cy="364326"/>
          </a:xfrm>
        </p:spPr>
        <p:txBody>
          <a:bodyPr>
            <a:noAutofit/>
          </a:bodyPr>
          <a:lstStyle/>
          <a:p>
            <a:r>
              <a:rPr lang="nl-NL"/>
              <a:t>Criteria SNCU 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A6515CD0-2EA8-4380-77E5-0C44B8A3940B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0</a:t>
            </a:fld>
            <a:endParaRPr lang="en-GB"/>
          </a:p>
        </p:txBody>
      </p:sp>
      <p:graphicFrame>
        <p:nvGraphicFramePr>
          <p:cNvPr id="10" name="Diagram 9">
            <a:extLst>
              <a:ext uri="{FF2B5EF4-FFF2-40B4-BE49-F238E27FC236}">
                <a16:creationId xmlns:a16="http://schemas.microsoft.com/office/drawing/2014/main" id="{E29C14E6-61A2-22A8-3777-3966C8EAFDC0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826648794"/>
              </p:ext>
            </p:extLst>
          </p:nvPr>
        </p:nvGraphicFramePr>
        <p:xfrm>
          <a:off x="496599" y="1063727"/>
          <a:ext cx="5724587" cy="345928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pic>
        <p:nvPicPr>
          <p:cNvPr id="12" name="Afbeelding 11">
            <a:extLst>
              <a:ext uri="{FF2B5EF4-FFF2-40B4-BE49-F238E27FC236}">
                <a16:creationId xmlns:a16="http://schemas.microsoft.com/office/drawing/2014/main" id="{6A3354A1-8EDC-3C73-A0B9-BC5221C4589D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734073" y="3497461"/>
            <a:ext cx="2278309" cy="983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585799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4689528-C34A-C57C-2A12-029690BE0CE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Beoordeling criteria DNB 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7796A7CE-7DA0-57B7-23CF-EA0B4F99F5FA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1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6E87649F-C3F6-7544-8CBC-441538E0548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6" y="1195090"/>
            <a:ext cx="8126877" cy="3258928"/>
          </a:xfrm>
        </p:spPr>
        <p:txBody>
          <a:bodyPr>
            <a:norm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nl-NL"/>
              <a:t>De instelling dient de toezichthouder </a:t>
            </a:r>
            <a:r>
              <a:rPr lang="nl-NL" err="1"/>
              <a:t>tzt</a:t>
            </a:r>
            <a:r>
              <a:rPr lang="nl-NL"/>
              <a:t> schriftelijk te voorzien van onder meer: </a:t>
            </a:r>
          </a:p>
          <a:p>
            <a:pPr marL="729450" lvl="2" indent="-171450">
              <a:buFont typeface="Arial" panose="020B0604020202020204" pitchFamily="34" charset="0"/>
              <a:buChar char="•"/>
            </a:pPr>
            <a:r>
              <a:rPr lang="nl-NL"/>
              <a:t>Bewijs voor compliance met criteria</a:t>
            </a:r>
          </a:p>
          <a:p>
            <a:pPr marL="729450" lvl="2" indent="-171450">
              <a:buFont typeface="Arial" panose="020B0604020202020204" pitchFamily="34" charset="0"/>
              <a:buChar char="•"/>
            </a:pPr>
            <a:r>
              <a:rPr lang="nl-NL"/>
              <a:t>Beoogde evenredigheidsmaatregelen </a:t>
            </a:r>
          </a:p>
          <a:p>
            <a:pPr marL="729450" lvl="2" indent="-171450">
              <a:buFont typeface="Arial" panose="020B0604020202020204" pitchFamily="34" charset="0"/>
              <a:buChar char="•"/>
            </a:pPr>
            <a:r>
              <a:rPr lang="nl-NL"/>
              <a:t>Een verklaring voor geen geplande strategische veranderingen</a:t>
            </a:r>
          </a:p>
          <a:p>
            <a:pPr lvl="2" indent="0">
              <a:buNone/>
            </a:pPr>
            <a:endParaRPr lang="nl-NL"/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NL"/>
              <a:t>Geen bezwaar van de toezichthouder </a:t>
            </a:r>
            <a:r>
              <a:rPr lang="nl-NL">
                <a:sym typeface="Wingdings" panose="05000000000000000000" pitchFamily="2" charset="2"/>
              </a:rPr>
              <a:t> verzekeraar classificeert als SNCU</a:t>
            </a:r>
          </a:p>
          <a:p>
            <a:endParaRPr lang="nl-NL">
              <a:sym typeface="Wingdings" panose="05000000000000000000" pitchFamily="2" charset="2"/>
            </a:endParaRPr>
          </a:p>
          <a:p>
            <a:r>
              <a:rPr lang="nl-NL"/>
              <a:t>NB: naar mate de implementatie van de herziene SII regelgeving verder is gevorderd, zal het proces omtrent de kwalificatie als SNCU nader worden uitgewerkt.</a:t>
            </a:r>
          </a:p>
          <a:p>
            <a:pPr lvl="1" indent="0">
              <a:buNone/>
            </a:pPr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84446768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DC5A7C9-35E6-743B-8F52-1972DBFEA9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1348" y="435549"/>
            <a:ext cx="8818506" cy="364326"/>
          </a:xfrm>
        </p:spPr>
        <p:txBody>
          <a:bodyPr>
            <a:noAutofit/>
          </a:bodyPr>
          <a:lstStyle/>
          <a:p>
            <a:r>
              <a:rPr lang="nl-NL"/>
              <a:t>Non </a:t>
            </a:r>
            <a:r>
              <a:rPr lang="nl-NL" err="1"/>
              <a:t>SNCU’s</a:t>
            </a:r>
            <a:r>
              <a:rPr lang="nl-NL"/>
              <a:t> en </a:t>
            </a:r>
            <a:r>
              <a:rPr lang="nl-NL" err="1"/>
              <a:t>evenredigheidsmaategelen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5CE02F5C-512E-C733-EBD9-EE908BF0F8EB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2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12243CAF-0A67-7B4E-F498-BF393778CEF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6" y="1120140"/>
            <a:ext cx="8126877" cy="3258928"/>
          </a:xfrm>
        </p:spPr>
        <p:txBody>
          <a:bodyPr>
            <a:normAutofit/>
          </a:bodyPr>
          <a:lstStyle/>
          <a:p>
            <a:endParaRPr lang="nl-NL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/>
              <a:t>Niet gekwalificeerd als SNCU  </a:t>
            </a:r>
            <a:r>
              <a:rPr lang="nl-NL">
                <a:sym typeface="Wingdings" panose="05000000000000000000" pitchFamily="2" charset="2"/>
              </a:rPr>
              <a:t> </a:t>
            </a:r>
            <a:r>
              <a:rPr lang="nl-NL"/>
              <a:t>“non-SNCU”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/>
              <a:t>Toegang tot een (beperktere) set aan evenredigheidsmaatregelen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/>
              <a:t>Per maatregel toestemming van de toezichthouder nodig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/>
              <a:t>Verdere invulling van de criteria en methode voor non-</a:t>
            </a:r>
            <a:r>
              <a:rPr lang="nl-NL" err="1"/>
              <a:t>SNCU’s</a:t>
            </a:r>
            <a:r>
              <a:rPr lang="nl-NL"/>
              <a:t> door Europese commissie</a:t>
            </a:r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419730834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DC5A7C9-35E6-743B-8F52-1972DBFEA9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 err="1"/>
              <a:t>Takeaways</a:t>
            </a:r>
            <a:r>
              <a:rPr lang="nl-NL"/>
              <a:t> 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5CE02F5C-512E-C733-EBD9-EE908BF0F8EB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3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12243CAF-0A67-7B4E-F498-BF393778CEF0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08561" y="1269373"/>
            <a:ext cx="8126877" cy="3258928"/>
          </a:xfrm>
        </p:spPr>
        <p:txBody>
          <a:bodyPr>
            <a:norm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/>
              <a:t>Ongewijzigd principe: aard, omvang en complexiteit van een instelling dienen meegewogen te worden in het uitvoerend toezicht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/>
              <a:t>Set aan maatregelen kan een verlichting betekenen voor </a:t>
            </a:r>
            <a:r>
              <a:rPr lang="nl-NL" err="1"/>
              <a:t>SNCU’s</a:t>
            </a:r>
            <a:r>
              <a:rPr lang="nl-NL"/>
              <a:t> (en non-</a:t>
            </a:r>
            <a:r>
              <a:rPr lang="nl-NL" err="1"/>
              <a:t>SNCU’s</a:t>
            </a:r>
            <a:r>
              <a:rPr lang="nl-NL"/>
              <a:t>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>
              <a:sym typeface="Wingdings" panose="05000000000000000000" pitchFamily="2" charset="2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>
                <a:sym typeface="Wingdings" panose="05000000000000000000" pitchFamily="2" charset="2"/>
              </a:rPr>
              <a:t>Initiatief bij de instelling, geen verplichting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>
              <a:sym typeface="Wingdings" panose="05000000000000000000" pitchFamily="2" charset="2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>
                <a:sym typeface="Wingdings" panose="05000000000000000000" pitchFamily="2" charset="2"/>
              </a:rPr>
              <a:t>Najaar 2024 publicatie herziene richtlijn, hierna geldt een deadline van 24 maanden ter implementatie in nationale wetgeving</a:t>
            </a:r>
          </a:p>
          <a:p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516917713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9E17504-4F66-AA4F-0C6E-1854653BC4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Heeft u vragen?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A4E039D0-34D5-D6D3-A425-093CDEACD017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4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3779D7D4-9605-102A-7F55-0D5095B04B3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80619" y="1201712"/>
            <a:ext cx="3797364" cy="3258928"/>
          </a:xfrm>
        </p:spPr>
        <p:txBody>
          <a:bodyPr/>
          <a:lstStyle/>
          <a:p>
            <a:endParaRPr lang="en-NL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20CF5C76-4E0C-D8CC-F43C-DDADEE51FCB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1063" y="1440434"/>
            <a:ext cx="2660073" cy="266007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Tekstvak 5">
            <a:extLst>
              <a:ext uri="{FF2B5EF4-FFF2-40B4-BE49-F238E27FC236}">
                <a16:creationId xmlns:a16="http://schemas.microsoft.com/office/drawing/2014/main" id="{8C4C1756-1DC4-484F-AF1E-A80DE2B0C736}"/>
              </a:ext>
            </a:extLst>
          </p:cNvPr>
          <p:cNvSpPr txBox="1"/>
          <p:nvPr/>
        </p:nvSpPr>
        <p:spPr>
          <a:xfrm>
            <a:off x="3832537" y="2017350"/>
            <a:ext cx="4971600" cy="127727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l-NL" sz="1100">
                <a:sym typeface="Wingdings" panose="05000000000000000000" pitchFamily="2" charset="2"/>
              </a:rPr>
              <a:t>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NL" sz="110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NL" sz="1100">
                <a:sym typeface="Wingdings" panose="05000000000000000000" pitchFamily="2" charset="2"/>
              </a:rPr>
              <a:t>DNB werkt plannen uit qua inhoud en communicatie: welke rol voorziet u voor DNB?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nl-NL" sz="1100">
              <a:sym typeface="Wingdings" panose="05000000000000000000" pitchFamily="2" charset="2"/>
            </a:endParaRP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nl-NL" sz="1100">
                <a:sym typeface="Wingdings" panose="05000000000000000000" pitchFamily="2" charset="2"/>
              </a:rPr>
              <a:t>Denkt u dat dat introductie van </a:t>
            </a:r>
            <a:r>
              <a:rPr lang="nl-NL" sz="1100" err="1">
                <a:sym typeface="Wingdings" panose="05000000000000000000" pitchFamily="2" charset="2"/>
              </a:rPr>
              <a:t>SNCU’s</a:t>
            </a:r>
            <a:r>
              <a:rPr lang="nl-NL" sz="1100">
                <a:sym typeface="Wingdings" panose="05000000000000000000" pitchFamily="2" charset="2"/>
              </a:rPr>
              <a:t> een verlichting kan betekenen voor uw instelling? </a:t>
            </a:r>
          </a:p>
        </p:txBody>
      </p:sp>
    </p:spTree>
    <p:extLst>
      <p:ext uri="{BB962C8B-B14F-4D97-AF65-F5344CB8AC3E}">
        <p14:creationId xmlns:p14="http://schemas.microsoft.com/office/powerpoint/2010/main" val="100536959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F1BC319-9901-3AA5-E65E-1AC77E536B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Contactgegevens</a:t>
            </a:r>
            <a:r>
              <a:rPr lang="nl-NL">
                <a:solidFill>
                  <a:schemeClr val="tx1"/>
                </a:solidFill>
              </a:rPr>
              <a:t> </a:t>
            </a:r>
            <a:endParaRPr lang="en-NL">
              <a:solidFill>
                <a:schemeClr val="tx1"/>
              </a:solidFill>
            </a:endParaRPr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4A6C126C-2D84-7F1D-3C3E-F99F9CBC9A6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25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711AA277-C36E-0F60-9053-FF24A424D43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7" y="1120140"/>
            <a:ext cx="8126878" cy="3258928"/>
          </a:xfrm>
        </p:spPr>
        <p:txBody>
          <a:bodyPr>
            <a:normAutofit/>
          </a:bodyPr>
          <a:lstStyle/>
          <a:p>
            <a:r>
              <a:rPr lang="nl-NL" sz="1300"/>
              <a:t>Heeft u vragen of opmerkingen over de besproken onderwerpen? Neem dan gerust contact op met: </a:t>
            </a:r>
          </a:p>
          <a:p>
            <a:endParaRPr lang="nl-NL" sz="1300"/>
          </a:p>
          <a:p>
            <a:r>
              <a:rPr lang="nl-NL" sz="1300"/>
              <a:t>Leen van Duijn – email: </a:t>
            </a:r>
            <a:r>
              <a:rPr lang="nl-NL" sz="1300">
                <a:hlinkClick r:id="rId2"/>
              </a:rPr>
              <a:t>l.w.van.duijn@dnb.nl</a:t>
            </a:r>
            <a:r>
              <a:rPr lang="nl-NL" sz="1300"/>
              <a:t> </a:t>
            </a:r>
          </a:p>
          <a:p>
            <a:r>
              <a:rPr lang="nl-NL" sz="1300"/>
              <a:t>Tim van de Graaf – email: </a:t>
            </a:r>
            <a:r>
              <a:rPr lang="nl-NL" sz="1300">
                <a:hlinkClick r:id="rId3"/>
              </a:rPr>
              <a:t>t.c.d.van.de.graaf@dnb.nl</a:t>
            </a:r>
            <a:r>
              <a:rPr lang="nl-NL" sz="1300"/>
              <a:t> </a:t>
            </a:r>
          </a:p>
          <a:p>
            <a:endParaRPr lang="nl-NL" sz="1300"/>
          </a:p>
          <a:p>
            <a:r>
              <a:rPr lang="nl-NL" sz="1300"/>
              <a:t>Uiteraard kunt u ook altijd contact opnemen met uw toezichthouder. </a:t>
            </a:r>
            <a:endParaRPr lang="en-NL" sz="1300"/>
          </a:p>
        </p:txBody>
      </p:sp>
    </p:spTree>
    <p:extLst>
      <p:ext uri="{BB962C8B-B14F-4D97-AF65-F5344CB8AC3E}">
        <p14:creationId xmlns:p14="http://schemas.microsoft.com/office/powerpoint/2010/main" val="216476310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ekst 1">
            <a:extLst>
              <a:ext uri="{FF2B5EF4-FFF2-40B4-BE49-F238E27FC236}">
                <a16:creationId xmlns:a16="http://schemas.microsoft.com/office/drawing/2014/main" id="{82B6B050-0F12-83BB-FE16-DCE790E553A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3220" y="3047622"/>
            <a:ext cx="6782930" cy="768625"/>
          </a:xfrm>
        </p:spPr>
        <p:txBody>
          <a:bodyPr/>
          <a:lstStyle/>
          <a:p>
            <a:r>
              <a:rPr lang="nl-NL" sz="3200"/>
              <a:t>Informatiebeveiliging en DORA</a:t>
            </a:r>
            <a:endParaRPr lang="en-NL" sz="3200"/>
          </a:p>
        </p:txBody>
      </p:sp>
    </p:spTree>
    <p:extLst>
      <p:ext uri="{BB962C8B-B14F-4D97-AF65-F5344CB8AC3E}">
        <p14:creationId xmlns:p14="http://schemas.microsoft.com/office/powerpoint/2010/main" val="22265488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7E70EFF-922C-FC03-2234-EF3006D259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/>
              <a:t>Waarom</a:t>
            </a:r>
            <a:r>
              <a:rPr lang="en-US"/>
              <a:t> DORA?</a:t>
            </a:r>
            <a:endParaRPr lang="en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0B9ADB3-5925-C7C9-2A6E-BCB032CE5137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72C46464-C98C-1B34-E87E-3D69E5DA9F0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175240">
            <a:off x="335687" y="1172216"/>
            <a:ext cx="3510453" cy="785922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5E0406AC-CE39-9B27-C263-33FEFAE24F1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 rot="21294235">
            <a:off x="256270" y="1924634"/>
            <a:ext cx="2879086" cy="1309439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AAC2CE78-5319-F1DD-7101-05C97EB2C99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862870" y="1282847"/>
            <a:ext cx="3087018" cy="1103590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846ABB2A-D0AF-AB2A-0E04-F15B7FA80F9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3861981" y="2778357"/>
            <a:ext cx="2923664" cy="511958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8D483A47-D3AA-526C-4071-A8057397215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 rot="21426129">
            <a:off x="4393039" y="3398580"/>
            <a:ext cx="4365458" cy="63741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F32D2AC1-A388-ADF8-EEDD-EEDF2D256419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 rot="402349">
            <a:off x="660559" y="3340194"/>
            <a:ext cx="2521496" cy="1224727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5FD1F8A2-458E-3223-958D-C0E752EF295F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257675" y="4292181"/>
            <a:ext cx="4747206" cy="675528"/>
          </a:xfrm>
          <a:prstGeom prst="rect">
            <a:avLst/>
          </a:prstGeom>
        </p:spPr>
      </p:pic>
      <p:pic>
        <p:nvPicPr>
          <p:cNvPr id="7" name="Picture 6" descr="A person sitting at a desk using a computer&#10;&#10;Description automatically generated">
            <a:extLst>
              <a:ext uri="{FF2B5EF4-FFF2-40B4-BE49-F238E27FC236}">
                <a16:creationId xmlns:a16="http://schemas.microsoft.com/office/drawing/2014/main" id="{C7640AD3-1C1D-A0F1-0404-21CBCC4B7472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986366" y="1115340"/>
            <a:ext cx="1839690" cy="19296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8878116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6" presetClass="emph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6" dur="2000" fill="hold"/>
                                        <p:tgtEl>
                                          <p:spTgt spid="4"/>
                                        </p:tgtEl>
                                      </p:cBhvr>
                                      <p:by x="150000" y="150000"/>
                                    </p:animScale>
                                  </p:childTnLst>
                                </p:cTn>
                              </p:par>
                              <p:par>
                                <p:cTn id="7" presetID="6" presetClass="emph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Scale>
                                      <p:cBhvr>
                                        <p:cTn id="8" dur="2000" fill="hold"/>
                                        <p:tgtEl>
                                          <p:spTgt spid="5"/>
                                        </p:tgtEl>
                                      </p:cBhvr>
                                      <p:by x="150000" y="150000"/>
                                    </p:animScale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19A636-3C4F-E7B6-E3FC-A9451BCED25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/>
              <a:t>Voortgang</a:t>
            </a:r>
            <a:r>
              <a:rPr lang="en-US"/>
              <a:t> </a:t>
            </a:r>
            <a:r>
              <a:rPr lang="en-US" err="1"/>
              <a:t>implementatie</a:t>
            </a:r>
            <a:r>
              <a:rPr lang="en-US"/>
              <a:t> DORA</a:t>
            </a:r>
            <a:endParaRPr lang="en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51F3D80-05D9-3A02-A299-13C71D08EB0D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8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929F80A4-C7A4-3E7E-84C7-36B902AB027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28862" y="1313940"/>
            <a:ext cx="4486275" cy="306705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639474950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7DDA377-05FC-7327-2039-FE6B0C0C59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Opbouw van DORA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5138773-B672-A649-A639-C8FAEE61D18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9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2C3ADB8E-7F41-B865-C90F-280597CED35B}"/>
              </a:ext>
            </a:extLst>
          </p:cNvPr>
          <p:cNvGrpSpPr/>
          <p:nvPr/>
        </p:nvGrpSpPr>
        <p:grpSpPr>
          <a:xfrm>
            <a:off x="980456" y="869223"/>
            <a:ext cx="6813581" cy="3753915"/>
            <a:chOff x="980456" y="869223"/>
            <a:chExt cx="6813581" cy="3753915"/>
          </a:xfrm>
        </p:grpSpPr>
        <p:sp>
          <p:nvSpPr>
            <p:cNvPr id="7" name="Freeform: Shape 6">
              <a:extLst>
                <a:ext uri="{FF2B5EF4-FFF2-40B4-BE49-F238E27FC236}">
                  <a16:creationId xmlns:a16="http://schemas.microsoft.com/office/drawing/2014/main" id="{5AB2289F-A346-A7DA-A0F9-0FD18DCCF687}"/>
                </a:ext>
              </a:extLst>
            </p:cNvPr>
            <p:cNvSpPr/>
            <p:nvPr/>
          </p:nvSpPr>
          <p:spPr>
            <a:xfrm>
              <a:off x="6129648" y="1849844"/>
              <a:ext cx="262547" cy="1559991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1559991"/>
                  </a:lnTo>
                  <a:lnTo>
                    <a:pt x="262547" y="1559991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8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57F36892-D993-0AC3-146C-09F15D89C651}"/>
                </a:ext>
              </a:extLst>
            </p:cNvPr>
            <p:cNvSpPr/>
            <p:nvPr/>
          </p:nvSpPr>
          <p:spPr>
            <a:xfrm>
              <a:off x="6129648" y="1849844"/>
              <a:ext cx="244333" cy="591745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591745"/>
                  </a:lnTo>
                  <a:lnTo>
                    <a:pt x="244333" y="591745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8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8DB6218D-453B-A43E-54D4-F32BCB8344CA}"/>
                </a:ext>
              </a:extLst>
            </p:cNvPr>
            <p:cNvSpPr/>
            <p:nvPr/>
          </p:nvSpPr>
          <p:spPr>
            <a:xfrm>
              <a:off x="4288053" y="869223"/>
              <a:ext cx="2493151" cy="184131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78297"/>
                  </a:lnTo>
                  <a:lnTo>
                    <a:pt x="2493151" y="78297"/>
                  </a:lnTo>
                  <a:lnTo>
                    <a:pt x="2493151" y="184131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6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2BD24786-2987-65D8-4BB5-B170235CC3A5}"/>
                </a:ext>
              </a:extLst>
            </p:cNvPr>
            <p:cNvSpPr/>
            <p:nvPr/>
          </p:nvSpPr>
          <p:spPr>
            <a:xfrm>
              <a:off x="4444726" y="1849844"/>
              <a:ext cx="218393" cy="2299257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2299257"/>
                  </a:lnTo>
                  <a:lnTo>
                    <a:pt x="218393" y="2299257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8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E925E6EE-2E04-DF97-C418-916BC0014A68}"/>
                </a:ext>
              </a:extLst>
            </p:cNvPr>
            <p:cNvSpPr/>
            <p:nvPr/>
          </p:nvSpPr>
          <p:spPr>
            <a:xfrm>
              <a:off x="4444726" y="1849844"/>
              <a:ext cx="218393" cy="1395623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1395623"/>
                  </a:lnTo>
                  <a:lnTo>
                    <a:pt x="218393" y="1395623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8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92B12644-EF58-7CD9-3965-0192E65E74B4}"/>
                </a:ext>
              </a:extLst>
            </p:cNvPr>
            <p:cNvSpPr/>
            <p:nvPr/>
          </p:nvSpPr>
          <p:spPr>
            <a:xfrm>
              <a:off x="4444726" y="1849844"/>
              <a:ext cx="218393" cy="541146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541146"/>
                  </a:lnTo>
                  <a:lnTo>
                    <a:pt x="218393" y="541146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8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326288-08BC-1710-8372-86756F71E351}"/>
                </a:ext>
              </a:extLst>
            </p:cNvPr>
            <p:cNvSpPr/>
            <p:nvPr/>
          </p:nvSpPr>
          <p:spPr>
            <a:xfrm>
              <a:off x="4288053" y="869223"/>
              <a:ext cx="739056" cy="184131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78297"/>
                  </a:lnTo>
                  <a:lnTo>
                    <a:pt x="739056" y="78297"/>
                  </a:lnTo>
                  <a:lnTo>
                    <a:pt x="739056" y="184131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6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998B650-342A-3B50-F534-0C42D8E445AA}"/>
                </a:ext>
              </a:extLst>
            </p:cNvPr>
            <p:cNvSpPr/>
            <p:nvPr/>
          </p:nvSpPr>
          <p:spPr>
            <a:xfrm>
              <a:off x="2783068" y="1849844"/>
              <a:ext cx="150874" cy="2358114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2358114"/>
                  </a:lnTo>
                  <a:lnTo>
                    <a:pt x="150874" y="2358114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8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8FFFBA96-E462-74E1-18A7-9BC9E5F7B790}"/>
                </a:ext>
              </a:extLst>
            </p:cNvPr>
            <p:cNvSpPr/>
            <p:nvPr/>
          </p:nvSpPr>
          <p:spPr>
            <a:xfrm>
              <a:off x="2783068" y="1849844"/>
              <a:ext cx="171779" cy="1438307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1438307"/>
                  </a:lnTo>
                  <a:lnTo>
                    <a:pt x="171779" y="1438307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8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C1AAC3D8-162C-A6FB-5CEF-F19181B1A2B3}"/>
                </a:ext>
              </a:extLst>
            </p:cNvPr>
            <p:cNvSpPr/>
            <p:nvPr/>
          </p:nvSpPr>
          <p:spPr>
            <a:xfrm>
              <a:off x="2783068" y="1849844"/>
              <a:ext cx="162657" cy="574040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574040"/>
                  </a:lnTo>
                  <a:lnTo>
                    <a:pt x="162657" y="574040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8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34B2EAD7-AAA8-03A6-2FF7-F290191567F9}"/>
                </a:ext>
              </a:extLst>
            </p:cNvPr>
            <p:cNvSpPr/>
            <p:nvPr/>
          </p:nvSpPr>
          <p:spPr>
            <a:xfrm>
              <a:off x="3362798" y="869223"/>
              <a:ext cx="925254" cy="184131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925254" y="0"/>
                  </a:moveTo>
                  <a:lnTo>
                    <a:pt x="925254" y="78297"/>
                  </a:lnTo>
                  <a:lnTo>
                    <a:pt x="0" y="78297"/>
                  </a:lnTo>
                  <a:lnTo>
                    <a:pt x="0" y="184131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6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FCF431F-7A25-ECC1-B2C3-56EB160C382D}"/>
                </a:ext>
              </a:extLst>
            </p:cNvPr>
            <p:cNvSpPr/>
            <p:nvPr/>
          </p:nvSpPr>
          <p:spPr>
            <a:xfrm>
              <a:off x="1125057" y="1849844"/>
              <a:ext cx="216901" cy="2230056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2230056"/>
                  </a:lnTo>
                  <a:lnTo>
                    <a:pt x="216901" y="2230056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8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E2B4036-B3C9-0A37-4488-C4A79ECA0666}"/>
                </a:ext>
              </a:extLst>
            </p:cNvPr>
            <p:cNvSpPr/>
            <p:nvPr/>
          </p:nvSpPr>
          <p:spPr>
            <a:xfrm>
              <a:off x="1125057" y="1849844"/>
              <a:ext cx="216901" cy="1211869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1211869"/>
                  </a:lnTo>
                  <a:lnTo>
                    <a:pt x="216901" y="1211869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8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39225FC4-CFEF-7002-6D79-698A541C3ED4}"/>
                </a:ext>
              </a:extLst>
            </p:cNvPr>
            <p:cNvSpPr/>
            <p:nvPr/>
          </p:nvSpPr>
          <p:spPr>
            <a:xfrm>
              <a:off x="1125057" y="1849844"/>
              <a:ext cx="246756" cy="474873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0" y="0"/>
                  </a:moveTo>
                  <a:lnTo>
                    <a:pt x="0" y="474873"/>
                  </a:lnTo>
                  <a:lnTo>
                    <a:pt x="246756" y="474873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8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EA5D177A-2ED1-3BF6-EDA5-39F3E225DC82}"/>
                </a:ext>
              </a:extLst>
            </p:cNvPr>
            <p:cNvSpPr/>
            <p:nvPr/>
          </p:nvSpPr>
          <p:spPr>
            <a:xfrm>
              <a:off x="1703461" y="869223"/>
              <a:ext cx="2584592" cy="184131"/>
            </a:xfrm>
            <a:custGeom>
              <a:avLst/>
              <a:gdLst/>
              <a:ahLst/>
              <a:cxnLst/>
              <a:rect l="0" t="0" r="0" b="0"/>
              <a:pathLst>
                <a:path>
                  <a:moveTo>
                    <a:pt x="2584592" y="0"/>
                  </a:moveTo>
                  <a:lnTo>
                    <a:pt x="2584592" y="78297"/>
                  </a:lnTo>
                  <a:lnTo>
                    <a:pt x="0" y="78297"/>
                  </a:lnTo>
                  <a:lnTo>
                    <a:pt x="0" y="184131"/>
                  </a:lnTo>
                </a:path>
              </a:pathLst>
            </a:custGeom>
            <a:noFill/>
            <a:ln w="25400" cap="flat" cmpd="sng" algn="ctr">
              <a:solidFill>
                <a:srgbClr val="5C87B1">
                  <a:shade val="60000"/>
                  <a:hueOff val="0"/>
                  <a:satOff val="0"/>
                  <a:lumOff val="0"/>
                  <a:alphaOff val="0"/>
                </a:srgb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tx1">
                <a:hueOff val="0"/>
                <a:satOff val="0"/>
                <a:lumOff val="0"/>
                <a:alphaOff val="0"/>
              </a:schemeClr>
            </a:fontRef>
          </p:style>
          <p:txBody>
            <a:bodyPr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l-NL" sz="1800" b="0" i="0" u="none" strike="noStrike" kern="1200" cap="none" spc="0" normalizeH="0" baseline="0" noProof="0">
                <a:ln>
                  <a:noFill/>
                </a:ln>
                <a:solidFill>
                  <a:prstClr val="black">
                    <a:hueOff val="0"/>
                    <a:satOff val="0"/>
                    <a:lumOff val="0"/>
                    <a:alphaOff val="0"/>
                  </a:prstClr>
                </a:solidFill>
                <a:effectLst/>
                <a:uLnTx/>
                <a:uFillTx/>
                <a:latin typeface="Verdana"/>
                <a:ea typeface="+mn-ea"/>
                <a:cs typeface="+mn-cs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CB09C6F5-291A-0CC5-FD51-FC33149D71D2}"/>
                </a:ext>
              </a:extLst>
            </p:cNvPr>
            <p:cNvSpPr/>
            <p:nvPr/>
          </p:nvSpPr>
          <p:spPr>
            <a:xfrm>
              <a:off x="980456" y="1053354"/>
              <a:ext cx="1446010" cy="796489"/>
            </a:xfrm>
            <a:custGeom>
              <a:avLst/>
              <a:gdLst>
                <a:gd name="connsiteX0" fmla="*/ 0 w 1446010"/>
                <a:gd name="connsiteY0" fmla="*/ 0 h 796489"/>
                <a:gd name="connsiteX1" fmla="*/ 1446010 w 1446010"/>
                <a:gd name="connsiteY1" fmla="*/ 0 h 796489"/>
                <a:gd name="connsiteX2" fmla="*/ 1446010 w 1446010"/>
                <a:gd name="connsiteY2" fmla="*/ 796489 h 796489"/>
                <a:gd name="connsiteX3" fmla="*/ 0 w 1446010"/>
                <a:gd name="connsiteY3" fmla="*/ 796489 h 796489"/>
                <a:gd name="connsiteX4" fmla="*/ 0 w 1446010"/>
                <a:gd name="connsiteY4" fmla="*/ 0 h 7964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46010" h="796489">
                  <a:moveTo>
                    <a:pt x="0" y="0"/>
                  </a:moveTo>
                  <a:lnTo>
                    <a:pt x="1446010" y="0"/>
                  </a:lnTo>
                  <a:lnTo>
                    <a:pt x="1446010" y="796489"/>
                  </a:lnTo>
                  <a:lnTo>
                    <a:pt x="0" y="796489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5C87B1">
                <a:hueOff val="0"/>
                <a:satOff val="0"/>
                <a:lumOff val="0"/>
                <a:alphaOff val="0"/>
              </a:srgbClr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8255" tIns="8255" rIns="8255" bIns="8255" numCol="1" spcCol="1270" anchor="ctr" anchorCtr="0">
              <a:noAutofit/>
            </a:bodyPr>
            <a:lstStyle/>
            <a:p>
              <a:pPr marL="0" marR="0" lvl="0" indent="0" algn="ctr" defTabSz="577850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300" b="1" i="0" u="none" strike="noStrike" kern="1200" cap="none" spc="0" normalizeH="0" baseline="0" noProof="0">
                  <a:ln>
                    <a:noFill/>
                  </a:ln>
                  <a:solidFill>
                    <a:sysClr val="window" lastClr="FFFFFF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ICT Risk Management</a:t>
              </a:r>
            </a:p>
            <a:p>
              <a:pPr marL="0" marR="0" lvl="0" indent="0" algn="ctr" defTabSz="577850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300" b="1" i="0" u="none" strike="noStrike" kern="1200" cap="none" spc="0" normalizeH="0" baseline="0" noProof="0">
                  <a:ln>
                    <a:noFill/>
                  </a:ln>
                  <a:solidFill>
                    <a:sysClr val="window" lastClr="FFFFFF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(art. 5 to 16)</a:t>
              </a: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3591AF34-0D30-07F6-9FC2-754AF660FDDB}"/>
                </a:ext>
              </a:extLst>
            </p:cNvPr>
            <p:cNvSpPr/>
            <p:nvPr/>
          </p:nvSpPr>
          <p:spPr>
            <a:xfrm>
              <a:off x="1371814" y="2072731"/>
              <a:ext cx="1007946" cy="503973"/>
            </a:xfrm>
            <a:custGeom>
              <a:avLst/>
              <a:gdLst>
                <a:gd name="connsiteX0" fmla="*/ 0 w 1007946"/>
                <a:gd name="connsiteY0" fmla="*/ 0 h 503973"/>
                <a:gd name="connsiteX1" fmla="*/ 1007946 w 1007946"/>
                <a:gd name="connsiteY1" fmla="*/ 0 h 503973"/>
                <a:gd name="connsiteX2" fmla="*/ 1007946 w 1007946"/>
                <a:gd name="connsiteY2" fmla="*/ 503973 h 503973"/>
                <a:gd name="connsiteX3" fmla="*/ 0 w 1007946"/>
                <a:gd name="connsiteY3" fmla="*/ 503973 h 503973"/>
                <a:gd name="connsiteX4" fmla="*/ 0 w 1007946"/>
                <a:gd name="connsiteY4" fmla="*/ 0 h 50397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7946" h="503973">
                  <a:moveTo>
                    <a:pt x="0" y="0"/>
                  </a:moveTo>
                  <a:lnTo>
                    <a:pt x="1007946" y="0"/>
                  </a:lnTo>
                  <a:lnTo>
                    <a:pt x="1007946" y="503973"/>
                  </a:lnTo>
                  <a:lnTo>
                    <a:pt x="0" y="503973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BDD7EE"/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985" tIns="6985" rIns="6985" bIns="6985" numCol="1" spcCol="1270" anchor="ctr" anchorCtr="0">
              <a:noAutofit/>
            </a:bodyPr>
            <a:lstStyle/>
            <a:p>
              <a:pPr marL="0" marR="0" lvl="0" indent="0" algn="ctr" defTabSz="466725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Governance provisions</a:t>
              </a: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FF2BC49A-9577-A78D-EF55-1673CEC821D2}"/>
                </a:ext>
              </a:extLst>
            </p:cNvPr>
            <p:cNvSpPr/>
            <p:nvPr/>
          </p:nvSpPr>
          <p:spPr>
            <a:xfrm>
              <a:off x="1341958" y="2777155"/>
              <a:ext cx="1007946" cy="569116"/>
            </a:xfrm>
            <a:custGeom>
              <a:avLst/>
              <a:gdLst>
                <a:gd name="connsiteX0" fmla="*/ 0 w 1007946"/>
                <a:gd name="connsiteY0" fmla="*/ 0 h 569116"/>
                <a:gd name="connsiteX1" fmla="*/ 1007946 w 1007946"/>
                <a:gd name="connsiteY1" fmla="*/ 0 h 569116"/>
                <a:gd name="connsiteX2" fmla="*/ 1007946 w 1007946"/>
                <a:gd name="connsiteY2" fmla="*/ 569116 h 569116"/>
                <a:gd name="connsiteX3" fmla="*/ 0 w 1007946"/>
                <a:gd name="connsiteY3" fmla="*/ 569116 h 569116"/>
                <a:gd name="connsiteX4" fmla="*/ 0 w 1007946"/>
                <a:gd name="connsiteY4" fmla="*/ 0 h 56911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7946" h="569116">
                  <a:moveTo>
                    <a:pt x="0" y="0"/>
                  </a:moveTo>
                  <a:lnTo>
                    <a:pt x="1007946" y="0"/>
                  </a:lnTo>
                  <a:lnTo>
                    <a:pt x="1007946" y="569116"/>
                  </a:lnTo>
                  <a:lnTo>
                    <a:pt x="0" y="569116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BDD7EE"/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985" tIns="6985" rIns="6985" bIns="6985" numCol="1" spcCol="1270" anchor="ctr" anchorCtr="0">
              <a:noAutofit/>
            </a:bodyPr>
            <a:lstStyle/>
            <a:p>
              <a:pPr marL="0" marR="0" lvl="0" indent="0" algn="ctr" defTabSz="466725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ICT risk management framework</a:t>
              </a: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2E0CFDDB-5E24-AA0A-A177-CA9081BD5222}"/>
                </a:ext>
              </a:extLst>
            </p:cNvPr>
            <p:cNvSpPr/>
            <p:nvPr/>
          </p:nvSpPr>
          <p:spPr>
            <a:xfrm>
              <a:off x="1341958" y="3557941"/>
              <a:ext cx="1007946" cy="1043920"/>
            </a:xfrm>
            <a:custGeom>
              <a:avLst/>
              <a:gdLst>
                <a:gd name="connsiteX0" fmla="*/ 0 w 1007946"/>
                <a:gd name="connsiteY0" fmla="*/ 0 h 1043920"/>
                <a:gd name="connsiteX1" fmla="*/ 1007946 w 1007946"/>
                <a:gd name="connsiteY1" fmla="*/ 0 h 1043920"/>
                <a:gd name="connsiteX2" fmla="*/ 1007946 w 1007946"/>
                <a:gd name="connsiteY2" fmla="*/ 1043920 h 1043920"/>
                <a:gd name="connsiteX3" fmla="*/ 0 w 1007946"/>
                <a:gd name="connsiteY3" fmla="*/ 1043920 h 1043920"/>
                <a:gd name="connsiteX4" fmla="*/ 0 w 1007946"/>
                <a:gd name="connsiteY4" fmla="*/ 0 h 104392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7946" h="1043920">
                  <a:moveTo>
                    <a:pt x="0" y="0"/>
                  </a:moveTo>
                  <a:lnTo>
                    <a:pt x="1007946" y="0"/>
                  </a:lnTo>
                  <a:lnTo>
                    <a:pt x="1007946" y="1043920"/>
                  </a:lnTo>
                  <a:lnTo>
                    <a:pt x="0" y="104392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BDD7EE"/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985" tIns="6985" rIns="6985" bIns="6985" numCol="1" spcCol="1270" anchor="ctr" anchorCtr="0">
              <a:noAutofit/>
            </a:bodyPr>
            <a:lstStyle/>
            <a:p>
              <a:pPr marL="0" marR="0" lvl="0" indent="0" algn="ctr" defTabSz="466725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Technical requirements (identify, protect, detect, response, recovery,…) </a:t>
              </a: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612BF98-95BC-2CEF-6F3B-0E24E67B5C68}"/>
                </a:ext>
              </a:extLst>
            </p:cNvPr>
            <p:cNvSpPr/>
            <p:nvPr/>
          </p:nvSpPr>
          <p:spPr>
            <a:xfrm>
              <a:off x="2638135" y="1053354"/>
              <a:ext cx="1449326" cy="796489"/>
            </a:xfrm>
            <a:custGeom>
              <a:avLst/>
              <a:gdLst>
                <a:gd name="connsiteX0" fmla="*/ 0 w 1449326"/>
                <a:gd name="connsiteY0" fmla="*/ 0 h 796489"/>
                <a:gd name="connsiteX1" fmla="*/ 1449326 w 1449326"/>
                <a:gd name="connsiteY1" fmla="*/ 0 h 796489"/>
                <a:gd name="connsiteX2" fmla="*/ 1449326 w 1449326"/>
                <a:gd name="connsiteY2" fmla="*/ 796489 h 796489"/>
                <a:gd name="connsiteX3" fmla="*/ 0 w 1449326"/>
                <a:gd name="connsiteY3" fmla="*/ 796489 h 796489"/>
                <a:gd name="connsiteX4" fmla="*/ 0 w 1449326"/>
                <a:gd name="connsiteY4" fmla="*/ 0 h 7964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49326" h="796489">
                  <a:moveTo>
                    <a:pt x="0" y="0"/>
                  </a:moveTo>
                  <a:lnTo>
                    <a:pt x="1449326" y="0"/>
                  </a:lnTo>
                  <a:lnTo>
                    <a:pt x="1449326" y="796489"/>
                  </a:lnTo>
                  <a:lnTo>
                    <a:pt x="0" y="796489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5C87B1">
                <a:hueOff val="0"/>
                <a:satOff val="0"/>
                <a:lumOff val="0"/>
                <a:alphaOff val="0"/>
              </a:srgbClr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8255" tIns="8255" rIns="8255" bIns="8255" numCol="1" spcCol="1270" anchor="ctr" anchorCtr="0">
              <a:noAutofit/>
            </a:bodyPr>
            <a:lstStyle/>
            <a:p>
              <a:pPr marL="0" marR="0" lvl="0" indent="0" algn="ctr" defTabSz="444500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3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ICT-related incidents</a:t>
              </a:r>
            </a:p>
            <a:p>
              <a:pPr marL="0" marR="0" lvl="0" indent="0" algn="ctr" defTabSz="444500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3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 </a:t>
              </a:r>
              <a:r>
                <a:rPr kumimoji="0" lang="fr-FR" sz="1300" b="1" i="0" u="none" strike="noStrike" kern="120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(art. 17 to 23) </a:t>
              </a: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A9AC8E4-AA74-B0A8-AC78-4F58F0EEF688}"/>
                </a:ext>
              </a:extLst>
            </p:cNvPr>
            <p:cNvSpPr/>
            <p:nvPr/>
          </p:nvSpPr>
          <p:spPr>
            <a:xfrm>
              <a:off x="2945725" y="2079762"/>
              <a:ext cx="1007946" cy="688246"/>
            </a:xfrm>
            <a:custGeom>
              <a:avLst/>
              <a:gdLst>
                <a:gd name="connsiteX0" fmla="*/ 0 w 1007946"/>
                <a:gd name="connsiteY0" fmla="*/ 0 h 688246"/>
                <a:gd name="connsiteX1" fmla="*/ 1007946 w 1007946"/>
                <a:gd name="connsiteY1" fmla="*/ 0 h 688246"/>
                <a:gd name="connsiteX2" fmla="*/ 1007946 w 1007946"/>
                <a:gd name="connsiteY2" fmla="*/ 688246 h 688246"/>
                <a:gd name="connsiteX3" fmla="*/ 0 w 1007946"/>
                <a:gd name="connsiteY3" fmla="*/ 688246 h 688246"/>
                <a:gd name="connsiteX4" fmla="*/ 0 w 1007946"/>
                <a:gd name="connsiteY4" fmla="*/ 0 h 68824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7946" h="688246">
                  <a:moveTo>
                    <a:pt x="0" y="0"/>
                  </a:moveTo>
                  <a:lnTo>
                    <a:pt x="1007946" y="0"/>
                  </a:lnTo>
                  <a:lnTo>
                    <a:pt x="1007946" y="688246"/>
                  </a:lnTo>
                  <a:lnTo>
                    <a:pt x="0" y="688246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BDD7EE"/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985" tIns="6985" rIns="6985" bIns="6985" numCol="1" spcCol="1270" anchor="ctr" anchorCtr="0">
              <a:noAutofit/>
            </a:bodyPr>
            <a:lstStyle/>
            <a:p>
              <a:pPr marL="0" marR="0" lvl="0" indent="0" algn="ctr" defTabSz="466725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ICT related incident management process</a:t>
              </a: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FBCA689A-8DEA-3342-40A8-660E85154C56}"/>
                </a:ext>
              </a:extLst>
            </p:cNvPr>
            <p:cNvSpPr/>
            <p:nvPr/>
          </p:nvSpPr>
          <p:spPr>
            <a:xfrm>
              <a:off x="2954847" y="2979677"/>
              <a:ext cx="1007946" cy="616949"/>
            </a:xfrm>
            <a:custGeom>
              <a:avLst/>
              <a:gdLst>
                <a:gd name="connsiteX0" fmla="*/ 0 w 1007946"/>
                <a:gd name="connsiteY0" fmla="*/ 0 h 616949"/>
                <a:gd name="connsiteX1" fmla="*/ 1007946 w 1007946"/>
                <a:gd name="connsiteY1" fmla="*/ 0 h 616949"/>
                <a:gd name="connsiteX2" fmla="*/ 1007946 w 1007946"/>
                <a:gd name="connsiteY2" fmla="*/ 616949 h 616949"/>
                <a:gd name="connsiteX3" fmla="*/ 0 w 1007946"/>
                <a:gd name="connsiteY3" fmla="*/ 616949 h 616949"/>
                <a:gd name="connsiteX4" fmla="*/ 0 w 1007946"/>
                <a:gd name="connsiteY4" fmla="*/ 0 h 61694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7946" h="616949">
                  <a:moveTo>
                    <a:pt x="0" y="0"/>
                  </a:moveTo>
                  <a:lnTo>
                    <a:pt x="1007946" y="0"/>
                  </a:lnTo>
                  <a:lnTo>
                    <a:pt x="1007946" y="616949"/>
                  </a:lnTo>
                  <a:lnTo>
                    <a:pt x="0" y="616949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BDD7EE"/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985" tIns="6985" rIns="6985" bIns="6985" numCol="1" spcCol="1270" anchor="ctr" anchorCtr="0">
              <a:noAutofit/>
            </a:bodyPr>
            <a:lstStyle/>
            <a:p>
              <a:pPr marL="0" marR="0" lvl="0" indent="0" algn="ctr" defTabSz="466725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Classification of ICT-related incidents and cyber threats</a:t>
              </a: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4D86D51A-D2E1-43C3-0DE0-8F046A98DD78}"/>
                </a:ext>
              </a:extLst>
            </p:cNvPr>
            <p:cNvSpPr/>
            <p:nvPr/>
          </p:nvSpPr>
          <p:spPr>
            <a:xfrm>
              <a:off x="2933942" y="3792777"/>
              <a:ext cx="1007946" cy="830361"/>
            </a:xfrm>
            <a:custGeom>
              <a:avLst/>
              <a:gdLst>
                <a:gd name="connsiteX0" fmla="*/ 0 w 1007946"/>
                <a:gd name="connsiteY0" fmla="*/ 0 h 830361"/>
                <a:gd name="connsiteX1" fmla="*/ 1007946 w 1007946"/>
                <a:gd name="connsiteY1" fmla="*/ 0 h 830361"/>
                <a:gd name="connsiteX2" fmla="*/ 1007946 w 1007946"/>
                <a:gd name="connsiteY2" fmla="*/ 830361 h 830361"/>
                <a:gd name="connsiteX3" fmla="*/ 0 w 1007946"/>
                <a:gd name="connsiteY3" fmla="*/ 830361 h 830361"/>
                <a:gd name="connsiteX4" fmla="*/ 0 w 1007946"/>
                <a:gd name="connsiteY4" fmla="*/ 0 h 83036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7946" h="830361">
                  <a:moveTo>
                    <a:pt x="0" y="0"/>
                  </a:moveTo>
                  <a:lnTo>
                    <a:pt x="1007946" y="0"/>
                  </a:lnTo>
                  <a:lnTo>
                    <a:pt x="1007946" y="830361"/>
                  </a:lnTo>
                  <a:lnTo>
                    <a:pt x="0" y="830361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BDD7EE"/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985" tIns="6985" rIns="6985" bIns="6985" numCol="1" spcCol="1270" anchor="ctr" anchorCtr="0">
              <a:noAutofit/>
            </a:bodyPr>
            <a:lstStyle/>
            <a:p>
              <a:pPr marL="0" marR="0" lvl="0" indent="0" algn="ctr" defTabSz="466725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Reporting of major ICT-related incidents to authorities</a:t>
              </a: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EA8C9E3D-A984-BC7F-790F-B5390C7231A4}"/>
                </a:ext>
              </a:extLst>
            </p:cNvPr>
            <p:cNvSpPr/>
            <p:nvPr/>
          </p:nvSpPr>
          <p:spPr>
            <a:xfrm>
              <a:off x="4299131" y="1053354"/>
              <a:ext cx="1455958" cy="796489"/>
            </a:xfrm>
            <a:custGeom>
              <a:avLst/>
              <a:gdLst>
                <a:gd name="connsiteX0" fmla="*/ 0 w 1455958"/>
                <a:gd name="connsiteY0" fmla="*/ 0 h 796489"/>
                <a:gd name="connsiteX1" fmla="*/ 1455958 w 1455958"/>
                <a:gd name="connsiteY1" fmla="*/ 0 h 796489"/>
                <a:gd name="connsiteX2" fmla="*/ 1455958 w 1455958"/>
                <a:gd name="connsiteY2" fmla="*/ 796489 h 796489"/>
                <a:gd name="connsiteX3" fmla="*/ 0 w 1455958"/>
                <a:gd name="connsiteY3" fmla="*/ 796489 h 796489"/>
                <a:gd name="connsiteX4" fmla="*/ 0 w 1455958"/>
                <a:gd name="connsiteY4" fmla="*/ 0 h 7964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55958" h="796489">
                  <a:moveTo>
                    <a:pt x="0" y="0"/>
                  </a:moveTo>
                  <a:lnTo>
                    <a:pt x="1455958" y="0"/>
                  </a:lnTo>
                  <a:lnTo>
                    <a:pt x="1455958" y="796489"/>
                  </a:lnTo>
                  <a:lnTo>
                    <a:pt x="0" y="796489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5C87B1">
                <a:hueOff val="0"/>
                <a:satOff val="0"/>
                <a:lumOff val="0"/>
                <a:alphaOff val="0"/>
              </a:srgbClr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8255" tIns="8255" rIns="8255" bIns="8255" numCol="1" spcCol="1270" anchor="ctr" anchorCtr="0">
              <a:noAutofit/>
            </a:bodyPr>
            <a:lstStyle/>
            <a:p>
              <a:pPr marL="0" marR="0" lvl="0" indent="0" algn="ctr" defTabSz="577850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300" b="1" i="0" u="none" strike="noStrike" kern="1200" cap="none" spc="0" normalizeH="0" baseline="0" noProof="0">
                  <a:ln>
                    <a:noFill/>
                  </a:ln>
                  <a:solidFill>
                    <a:sysClr val="window" lastClr="FFFFFF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Digital operational resilience testing</a:t>
              </a:r>
            </a:p>
            <a:p>
              <a:pPr marL="0" marR="0" lvl="0" indent="0" algn="ctr" defTabSz="577850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300" b="1" i="0" u="none" strike="noStrike" kern="1200" cap="none" spc="0" normalizeH="0" baseline="0" noProof="0">
                  <a:ln>
                    <a:noFill/>
                  </a:ln>
                  <a:solidFill>
                    <a:sysClr val="window" lastClr="FFFFFF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(art. 24 to 27)</a:t>
              </a: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5B93A53B-0E8C-7F30-270E-BD362CED25C7}"/>
                </a:ext>
              </a:extLst>
            </p:cNvPr>
            <p:cNvSpPr/>
            <p:nvPr/>
          </p:nvSpPr>
          <p:spPr>
            <a:xfrm>
              <a:off x="4663120" y="1923979"/>
              <a:ext cx="912346" cy="796489"/>
            </a:xfrm>
            <a:custGeom>
              <a:avLst/>
              <a:gdLst>
                <a:gd name="connsiteX0" fmla="*/ 0 w 1007946"/>
                <a:gd name="connsiteY0" fmla="*/ 0 h 658955"/>
                <a:gd name="connsiteX1" fmla="*/ 1007946 w 1007946"/>
                <a:gd name="connsiteY1" fmla="*/ 0 h 658955"/>
                <a:gd name="connsiteX2" fmla="*/ 1007946 w 1007946"/>
                <a:gd name="connsiteY2" fmla="*/ 658955 h 658955"/>
                <a:gd name="connsiteX3" fmla="*/ 0 w 1007946"/>
                <a:gd name="connsiteY3" fmla="*/ 658955 h 658955"/>
                <a:gd name="connsiteX4" fmla="*/ 0 w 1007946"/>
                <a:gd name="connsiteY4" fmla="*/ 0 h 65895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7946" h="658955">
                  <a:moveTo>
                    <a:pt x="0" y="0"/>
                  </a:moveTo>
                  <a:lnTo>
                    <a:pt x="1007946" y="0"/>
                  </a:lnTo>
                  <a:lnTo>
                    <a:pt x="1007946" y="658955"/>
                  </a:lnTo>
                  <a:lnTo>
                    <a:pt x="0" y="658955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BDD7EE"/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985" tIns="6985" rIns="6985" bIns="6985" numCol="1" spcCol="1270" anchor="ctr" anchorCtr="0">
              <a:noAutofit/>
            </a:bodyPr>
            <a:lstStyle/>
            <a:p>
              <a:pPr marL="0" marR="0" lvl="0" indent="0" algn="ctr" defTabSz="466725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Digital operational resilience testing programme </a:t>
              </a:r>
              <a:endParaRPr kumimoji="0" lang="fr-FR" sz="1050" b="0" i="0" u="none" strike="noStrike" kern="120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F50F2FD5-63A6-9FCA-76E0-9D1AD905515A}"/>
                </a:ext>
              </a:extLst>
            </p:cNvPr>
            <p:cNvSpPr/>
            <p:nvPr/>
          </p:nvSpPr>
          <p:spPr>
            <a:xfrm>
              <a:off x="4663120" y="2932137"/>
              <a:ext cx="1007946" cy="626660"/>
            </a:xfrm>
            <a:custGeom>
              <a:avLst/>
              <a:gdLst>
                <a:gd name="connsiteX0" fmla="*/ 0 w 1007946"/>
                <a:gd name="connsiteY0" fmla="*/ 0 h 626660"/>
                <a:gd name="connsiteX1" fmla="*/ 1007946 w 1007946"/>
                <a:gd name="connsiteY1" fmla="*/ 0 h 626660"/>
                <a:gd name="connsiteX2" fmla="*/ 1007946 w 1007946"/>
                <a:gd name="connsiteY2" fmla="*/ 626660 h 626660"/>
                <a:gd name="connsiteX3" fmla="*/ 0 w 1007946"/>
                <a:gd name="connsiteY3" fmla="*/ 626660 h 626660"/>
                <a:gd name="connsiteX4" fmla="*/ 0 w 1007946"/>
                <a:gd name="connsiteY4" fmla="*/ 0 h 62666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7946" h="626660">
                  <a:moveTo>
                    <a:pt x="0" y="0"/>
                  </a:moveTo>
                  <a:lnTo>
                    <a:pt x="1007946" y="0"/>
                  </a:lnTo>
                  <a:lnTo>
                    <a:pt x="1007946" y="626660"/>
                  </a:lnTo>
                  <a:lnTo>
                    <a:pt x="0" y="62666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BDD7EE"/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985" tIns="6985" rIns="6985" bIns="6985" numCol="1" spcCol="1270" anchor="ctr" anchorCtr="0">
              <a:noAutofit/>
            </a:bodyPr>
            <a:lstStyle/>
            <a:p>
              <a:pPr marL="0" marR="0" lvl="0" indent="0" algn="ctr" defTabSz="466725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Range of relevant tests</a:t>
              </a:r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EB155766-E165-8CAD-187D-EC22B5FD27FD}"/>
                </a:ext>
              </a:extLst>
            </p:cNvPr>
            <p:cNvSpPr/>
            <p:nvPr/>
          </p:nvSpPr>
          <p:spPr>
            <a:xfrm>
              <a:off x="4663120" y="3770466"/>
              <a:ext cx="1007946" cy="757270"/>
            </a:xfrm>
            <a:custGeom>
              <a:avLst/>
              <a:gdLst>
                <a:gd name="connsiteX0" fmla="*/ 0 w 1007946"/>
                <a:gd name="connsiteY0" fmla="*/ 0 h 757270"/>
                <a:gd name="connsiteX1" fmla="*/ 1007946 w 1007946"/>
                <a:gd name="connsiteY1" fmla="*/ 0 h 757270"/>
                <a:gd name="connsiteX2" fmla="*/ 1007946 w 1007946"/>
                <a:gd name="connsiteY2" fmla="*/ 757270 h 757270"/>
                <a:gd name="connsiteX3" fmla="*/ 0 w 1007946"/>
                <a:gd name="connsiteY3" fmla="*/ 757270 h 757270"/>
                <a:gd name="connsiteX4" fmla="*/ 0 w 1007946"/>
                <a:gd name="connsiteY4" fmla="*/ 0 h 75727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07946" h="757270">
                  <a:moveTo>
                    <a:pt x="0" y="0"/>
                  </a:moveTo>
                  <a:lnTo>
                    <a:pt x="1007946" y="0"/>
                  </a:lnTo>
                  <a:lnTo>
                    <a:pt x="1007946" y="757270"/>
                  </a:lnTo>
                  <a:lnTo>
                    <a:pt x="0" y="75727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BDD7EE"/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985" tIns="6985" rIns="6985" bIns="6985" numCol="1" spcCol="1270" anchor="ctr" anchorCtr="0">
              <a:noAutofit/>
            </a:bodyPr>
            <a:lstStyle/>
            <a:p>
              <a:pPr marL="0" marR="0" lvl="0" indent="0" algn="ctr" defTabSz="466725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Threat led penetration testing </a:t>
              </a:r>
              <a:endParaRPr kumimoji="0" lang="fr-FR" sz="1050" b="0" i="0" u="none" strike="noStrike" kern="1200" cap="none" spc="0" normalizeH="0" baseline="0" noProof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8CC63D51-0D32-A0B5-3803-91D3A72247A4}"/>
                </a:ext>
              </a:extLst>
            </p:cNvPr>
            <p:cNvSpPr/>
            <p:nvPr/>
          </p:nvSpPr>
          <p:spPr>
            <a:xfrm>
              <a:off x="5966758" y="1053354"/>
              <a:ext cx="1628892" cy="796489"/>
            </a:xfrm>
            <a:custGeom>
              <a:avLst/>
              <a:gdLst>
                <a:gd name="connsiteX0" fmla="*/ 0 w 1628892"/>
                <a:gd name="connsiteY0" fmla="*/ 0 h 796489"/>
                <a:gd name="connsiteX1" fmla="*/ 1628892 w 1628892"/>
                <a:gd name="connsiteY1" fmla="*/ 0 h 796489"/>
                <a:gd name="connsiteX2" fmla="*/ 1628892 w 1628892"/>
                <a:gd name="connsiteY2" fmla="*/ 796489 h 796489"/>
                <a:gd name="connsiteX3" fmla="*/ 0 w 1628892"/>
                <a:gd name="connsiteY3" fmla="*/ 796489 h 796489"/>
                <a:gd name="connsiteX4" fmla="*/ 0 w 1628892"/>
                <a:gd name="connsiteY4" fmla="*/ 0 h 7964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628892" h="796489">
                  <a:moveTo>
                    <a:pt x="0" y="0"/>
                  </a:moveTo>
                  <a:lnTo>
                    <a:pt x="1628892" y="0"/>
                  </a:lnTo>
                  <a:lnTo>
                    <a:pt x="1628892" y="796489"/>
                  </a:lnTo>
                  <a:lnTo>
                    <a:pt x="0" y="796489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5C87B1">
                <a:hueOff val="0"/>
                <a:satOff val="0"/>
                <a:lumOff val="0"/>
                <a:alphaOff val="0"/>
              </a:srgbClr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8255" tIns="8255" rIns="8255" bIns="8255" numCol="1" spcCol="1270" anchor="ctr" anchorCtr="0">
              <a:noAutofit/>
            </a:bodyPr>
            <a:lstStyle/>
            <a:p>
              <a:pPr marL="0" marR="0" lvl="0" indent="0" algn="ctr" defTabSz="577850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1300" b="1" i="0" u="none" strike="noStrike" kern="1200" cap="none" spc="0" normalizeH="0" baseline="0" noProof="0">
                  <a:ln>
                    <a:noFill/>
                  </a:ln>
                  <a:solidFill>
                    <a:sysClr val="window" lastClr="FFFFFF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Managing of ICT Third-Party risk</a:t>
              </a:r>
            </a:p>
            <a:p>
              <a:pPr marL="0" marR="0" lvl="0" indent="0" algn="ctr" defTabSz="577850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300" b="1" i="0" u="none" strike="noStrike" kern="1200" cap="none" spc="0" normalizeH="0" baseline="0" noProof="0">
                  <a:ln>
                    <a:noFill/>
                  </a:ln>
                  <a:solidFill>
                    <a:sysClr val="window" lastClr="FFFFFF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(art. 28 to 44)</a:t>
              </a:r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905B0BD6-9AEC-F0DD-B3D2-A9C047411675}"/>
                </a:ext>
              </a:extLst>
            </p:cNvPr>
            <p:cNvSpPr/>
            <p:nvPr/>
          </p:nvSpPr>
          <p:spPr>
            <a:xfrm>
              <a:off x="6373981" y="2061513"/>
              <a:ext cx="1391905" cy="796489"/>
            </a:xfrm>
            <a:custGeom>
              <a:avLst/>
              <a:gdLst>
                <a:gd name="connsiteX0" fmla="*/ 0 w 1384203"/>
                <a:gd name="connsiteY0" fmla="*/ 0 h 760153"/>
                <a:gd name="connsiteX1" fmla="*/ 1384203 w 1384203"/>
                <a:gd name="connsiteY1" fmla="*/ 0 h 760153"/>
                <a:gd name="connsiteX2" fmla="*/ 1384203 w 1384203"/>
                <a:gd name="connsiteY2" fmla="*/ 760153 h 760153"/>
                <a:gd name="connsiteX3" fmla="*/ 0 w 1384203"/>
                <a:gd name="connsiteY3" fmla="*/ 760153 h 760153"/>
                <a:gd name="connsiteX4" fmla="*/ 0 w 1384203"/>
                <a:gd name="connsiteY4" fmla="*/ 0 h 76015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384203" h="760153">
                  <a:moveTo>
                    <a:pt x="0" y="0"/>
                  </a:moveTo>
                  <a:lnTo>
                    <a:pt x="1384203" y="0"/>
                  </a:lnTo>
                  <a:lnTo>
                    <a:pt x="1384203" y="760153"/>
                  </a:lnTo>
                  <a:lnTo>
                    <a:pt x="0" y="760153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BDD7EE"/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985" tIns="6985" rIns="6985" bIns="6985" numCol="1" spcCol="1270" anchor="ctr" anchorCtr="0">
              <a:noAutofit/>
            </a:bodyPr>
            <a:lstStyle/>
            <a:p>
              <a:pPr marL="0" marR="0" lvl="0" indent="0" algn="ctr" defTabSz="466725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General requirements (including register of 3rd-party providers and key contractual provisions)</a:t>
              </a:r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1EBF19B-B139-4966-96B8-66DAD3E7B374}"/>
                </a:ext>
              </a:extLst>
            </p:cNvPr>
            <p:cNvSpPr/>
            <p:nvPr/>
          </p:nvSpPr>
          <p:spPr>
            <a:xfrm>
              <a:off x="6392195" y="3000440"/>
              <a:ext cx="1401842" cy="818790"/>
            </a:xfrm>
            <a:custGeom>
              <a:avLst/>
              <a:gdLst>
                <a:gd name="connsiteX0" fmla="*/ 0 w 1401842"/>
                <a:gd name="connsiteY0" fmla="*/ 0 h 818790"/>
                <a:gd name="connsiteX1" fmla="*/ 1401842 w 1401842"/>
                <a:gd name="connsiteY1" fmla="*/ 0 h 818790"/>
                <a:gd name="connsiteX2" fmla="*/ 1401842 w 1401842"/>
                <a:gd name="connsiteY2" fmla="*/ 818790 h 818790"/>
                <a:gd name="connsiteX3" fmla="*/ 0 w 1401842"/>
                <a:gd name="connsiteY3" fmla="*/ 818790 h 818790"/>
                <a:gd name="connsiteX4" fmla="*/ 0 w 1401842"/>
                <a:gd name="connsiteY4" fmla="*/ 0 h 8187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401842" h="818790">
                  <a:moveTo>
                    <a:pt x="0" y="0"/>
                  </a:moveTo>
                  <a:lnTo>
                    <a:pt x="1401842" y="0"/>
                  </a:lnTo>
                  <a:lnTo>
                    <a:pt x="1401842" y="818790"/>
                  </a:lnTo>
                  <a:lnTo>
                    <a:pt x="0" y="81879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rgbClr val="BDD7EE"/>
            </a:solidFill>
            <a:ln w="25400" cap="flat" cmpd="sng" algn="ctr">
              <a:solidFill>
                <a:sysClr val="window" lastClr="FFFFFF">
                  <a:hueOff val="0"/>
                  <a:satOff val="0"/>
                  <a:lumOff val="0"/>
                  <a:alphaOff val="0"/>
                </a:sysClr>
              </a:solidFill>
              <a:prstDash val="solid"/>
            </a:ln>
            <a:effectLst/>
          </p:spPr>
          <p:style>
            <a:lnRef idx="2">
              <a:scrgbClr r="0" g="0" b="0"/>
            </a:lnRef>
            <a:fillRef idx="1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6985" tIns="6985" rIns="6985" bIns="6985" numCol="1" spcCol="1270" anchor="ctr" anchorCtr="0">
              <a:noAutofit/>
            </a:bodyPr>
            <a:lstStyle/>
            <a:p>
              <a:pPr marL="0" marR="0" lvl="0" indent="0" algn="ctr" defTabSz="466725" rtl="0" eaLnBrk="1" fontAlgn="auto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fr-FR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Oversight of the critical ICT third-party service providers – EU </a:t>
              </a:r>
              <a:r>
                <a:rPr kumimoji="0" lang="en-GB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oversight</a:t>
              </a:r>
              <a:r>
                <a:rPr kumimoji="0" lang="fr-FR" sz="1050" b="0" i="0" u="none" strike="noStrike" kern="1200" cap="none" spc="0" normalizeH="0" baseline="0" noProof="0">
                  <a:ln>
                    <a:noFill/>
                  </a:ln>
                  <a:solidFill>
                    <a:sysClr val="windowText" lastClr="000000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 framework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96267498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ekst 1">
            <a:extLst>
              <a:ext uri="{FF2B5EF4-FFF2-40B4-BE49-F238E27FC236}">
                <a16:creationId xmlns:a16="http://schemas.microsoft.com/office/drawing/2014/main" id="{82B6B050-0F12-83BB-FE16-DCE790E553A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7" y="3428623"/>
            <a:ext cx="6782930" cy="768625"/>
          </a:xfrm>
        </p:spPr>
        <p:txBody>
          <a:bodyPr/>
          <a:lstStyle/>
          <a:p>
            <a:r>
              <a:rPr lang="nl-NL" sz="3200"/>
              <a:t>Toezichtcyclus: waar staan we?</a:t>
            </a:r>
          </a:p>
          <a:p>
            <a:endParaRPr lang="en-NL"/>
          </a:p>
        </p:txBody>
      </p:sp>
    </p:spTree>
    <p:extLst>
      <p:ext uri="{BB962C8B-B14F-4D97-AF65-F5344CB8AC3E}">
        <p14:creationId xmlns:p14="http://schemas.microsoft.com/office/powerpoint/2010/main" val="144927065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69BD4DB-4016-5126-01B6-8AA8C33BC9C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/>
              <a:t>Opbouw</a:t>
            </a:r>
            <a:r>
              <a:rPr lang="en-US"/>
              <a:t> van DORA</a:t>
            </a:r>
            <a:endParaRPr lang="en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E7E4F71-AED6-2780-6C92-7406E113A8C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8121896" y="4207667"/>
            <a:ext cx="519115" cy="197644"/>
          </a:xfrm>
        </p:spPr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0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93A15A14-17F3-671C-30FF-036349971E3C}"/>
              </a:ext>
            </a:extLst>
          </p:cNvPr>
          <p:cNvGrpSpPr/>
          <p:nvPr/>
        </p:nvGrpSpPr>
        <p:grpSpPr>
          <a:xfrm>
            <a:off x="964800" y="1211901"/>
            <a:ext cx="7214400" cy="3148687"/>
            <a:chOff x="449261" y="1065749"/>
            <a:chExt cx="8237749" cy="3670867"/>
          </a:xfrm>
        </p:grpSpPr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FCBE1EE9-1D20-DB67-DA81-85B5176CABDC}"/>
                </a:ext>
              </a:extLst>
            </p:cNvPr>
            <p:cNvSpPr/>
            <p:nvPr/>
          </p:nvSpPr>
          <p:spPr>
            <a:xfrm>
              <a:off x="6491010" y="3107232"/>
              <a:ext cx="2196000" cy="648000"/>
            </a:xfrm>
            <a:prstGeom prst="rect">
              <a:avLst/>
            </a:prstGeom>
            <a:solidFill>
              <a:srgbClr val="5C87B1"/>
            </a:solidFill>
            <a:ln w="9525" cap="flat" cmpd="sng" algn="ctr">
              <a:noFill/>
              <a:prstDash val="solid"/>
            </a:ln>
            <a:effectLst/>
          </p:spPr>
          <p:txBody>
            <a:bodyPr lIns="54000" rIns="54000" rtlCol="0" anchor="ctr"/>
            <a:lstStyle/>
            <a:p>
              <a:pPr marL="0" marR="0" lvl="0" indent="0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900" b="0" i="0" u="none" strike="noStrike" kern="0" cap="none" spc="0" normalizeH="0" baseline="0" noProof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Oversight framework (Chapter V.II)</a:t>
              </a:r>
            </a:p>
          </p:txBody>
        </p:sp>
        <p:sp>
          <p:nvSpPr>
            <p:cNvPr id="8" name="Rectangle 7">
              <a:extLst>
                <a:ext uri="{FF2B5EF4-FFF2-40B4-BE49-F238E27FC236}">
                  <a16:creationId xmlns:a16="http://schemas.microsoft.com/office/drawing/2014/main" id="{9823C021-FCB4-3A8A-1024-072CABC6E603}"/>
                </a:ext>
              </a:extLst>
            </p:cNvPr>
            <p:cNvSpPr/>
            <p:nvPr/>
          </p:nvSpPr>
          <p:spPr>
            <a:xfrm>
              <a:off x="449261" y="1065749"/>
              <a:ext cx="1917000" cy="648000"/>
            </a:xfrm>
            <a:prstGeom prst="rect">
              <a:avLst/>
            </a:prstGeom>
            <a:solidFill>
              <a:srgbClr val="5C87B1"/>
            </a:solidFill>
            <a:ln w="9525" cap="flat" cmpd="sng" algn="ctr">
              <a:noFill/>
              <a:prstDash val="solid"/>
            </a:ln>
            <a:effectLst/>
          </p:spPr>
          <p:txBody>
            <a:bodyPr lIns="54000" rIns="54000" rtlCol="0" anchor="ctr"/>
            <a:lstStyle/>
            <a:p>
              <a:pPr marL="0" marR="0" lvl="0" indent="0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900" b="0" i="0" u="none" strike="noStrike" kern="0" cap="none" spc="0" normalizeH="0" baseline="0" noProof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ICT risk framework (Chapter II)</a:t>
              </a:r>
            </a:p>
          </p:txBody>
        </p:sp>
        <p:sp>
          <p:nvSpPr>
            <p:cNvPr id="9" name="Rectangle 8">
              <a:extLst>
                <a:ext uri="{FF2B5EF4-FFF2-40B4-BE49-F238E27FC236}">
                  <a16:creationId xmlns:a16="http://schemas.microsoft.com/office/drawing/2014/main" id="{ABCA4BF2-084A-49A4-CE71-1955B343E0FE}"/>
                </a:ext>
              </a:extLst>
            </p:cNvPr>
            <p:cNvSpPr/>
            <p:nvPr/>
          </p:nvSpPr>
          <p:spPr>
            <a:xfrm>
              <a:off x="449261" y="1723646"/>
              <a:ext cx="1917000" cy="1323000"/>
            </a:xfrm>
            <a:prstGeom prst="rect">
              <a:avLst/>
            </a:prstGeom>
            <a:noFill/>
            <a:ln w="9525" cap="flat" cmpd="sng" algn="ctr">
              <a:noFill/>
              <a:prstDash val="solid"/>
            </a:ln>
            <a:effectLst/>
          </p:spPr>
          <p:txBody>
            <a:bodyPr lIns="54000" rIns="0" rtlCol="0" anchor="t"/>
            <a:lstStyle/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1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RTS on ICT Risk Management framework (Art.15)</a:t>
              </a:r>
            </a:p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1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RTS on simplified risk management framework (Art.16.3) </a:t>
              </a:r>
            </a:p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Guidelines on the estimation of aggregated costs/losses caused by major ICT related incidents (Art. 11.1)</a:t>
              </a: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D7A9C799-20A5-6D64-BEA0-722048F8CDE4}"/>
                </a:ext>
              </a:extLst>
            </p:cNvPr>
            <p:cNvSpPr/>
            <p:nvPr/>
          </p:nvSpPr>
          <p:spPr>
            <a:xfrm>
              <a:off x="2463178" y="1065749"/>
              <a:ext cx="1917000" cy="648000"/>
            </a:xfrm>
            <a:prstGeom prst="rect">
              <a:avLst/>
            </a:prstGeom>
            <a:solidFill>
              <a:srgbClr val="5C87B1"/>
            </a:solidFill>
            <a:ln w="9525" cap="flat" cmpd="sng" algn="ctr">
              <a:noFill/>
              <a:prstDash val="solid"/>
            </a:ln>
            <a:effectLst/>
          </p:spPr>
          <p:txBody>
            <a:bodyPr lIns="54000" rIns="54000" rtlCol="0" anchor="ctr"/>
            <a:lstStyle/>
            <a:p>
              <a:pPr marL="0" marR="0" lvl="0" indent="0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900" b="0" i="0" u="none" strike="noStrike" kern="0" cap="none" spc="0" normalizeH="0" baseline="0" noProof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ICT related incident management classification and reporting (Chapter III)</a:t>
              </a: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BAD19CE6-63D5-EAAD-AE09-64FF5591ABB6}"/>
                </a:ext>
              </a:extLst>
            </p:cNvPr>
            <p:cNvSpPr/>
            <p:nvPr/>
          </p:nvSpPr>
          <p:spPr>
            <a:xfrm>
              <a:off x="2463170" y="1723646"/>
              <a:ext cx="1917000" cy="1323000"/>
            </a:xfrm>
            <a:prstGeom prst="rect">
              <a:avLst/>
            </a:prstGeom>
            <a:noFill/>
            <a:ln w="9525" cap="flat" cmpd="sng" algn="ctr">
              <a:noFill/>
              <a:prstDash val="solid"/>
            </a:ln>
            <a:effectLst/>
          </p:spPr>
          <p:txBody>
            <a:bodyPr lIns="54000" rIns="0" rtlCol="0" anchor="t"/>
            <a:lstStyle/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1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RTS on criteria for the classification of ICT related incidents (Art. 18.3)</a:t>
              </a:r>
            </a:p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RTS to specify the reporting of major ICT-related incidents (Art. 20.a)</a:t>
              </a:r>
            </a:p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ITS to establish the reporting details for major ICT related incidents (Art. 20.b)</a:t>
              </a:r>
            </a:p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Feasibility report on further centralisation of incident reporting through the establishment of a single EU hub for major ICT-related incident reporting (Art. 21)</a:t>
              </a:r>
            </a:p>
            <a:p>
              <a:pPr marL="214313" marR="0" lvl="0" indent="-214313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225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endParaRPr kumimoji="0" lang="en-GB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7A917DBB-9E41-6144-CBF9-DCB802804B4B}"/>
                </a:ext>
              </a:extLst>
            </p:cNvPr>
            <p:cNvSpPr/>
            <p:nvPr/>
          </p:nvSpPr>
          <p:spPr>
            <a:xfrm>
              <a:off x="4477094" y="1065749"/>
              <a:ext cx="1917000" cy="648000"/>
            </a:xfrm>
            <a:prstGeom prst="rect">
              <a:avLst/>
            </a:prstGeom>
            <a:solidFill>
              <a:srgbClr val="5C87B1"/>
            </a:solidFill>
            <a:ln w="9525" cap="flat" cmpd="sng" algn="ctr">
              <a:noFill/>
              <a:prstDash val="solid"/>
            </a:ln>
            <a:effectLst/>
          </p:spPr>
          <p:txBody>
            <a:bodyPr lIns="54000" rIns="54000" rtlCol="0" anchor="ctr"/>
            <a:lstStyle/>
            <a:p>
              <a:pPr marL="0" marR="0" lvl="0" indent="0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900" b="0" i="0" u="none" strike="noStrike" kern="0" cap="none" spc="0" normalizeH="0" baseline="0" noProof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Digital Operational Resilience Testing (Chapter IV)</a:t>
              </a:r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6FDD9CED-5787-1553-7A09-7047E0E28E76}"/>
                </a:ext>
              </a:extLst>
            </p:cNvPr>
            <p:cNvSpPr/>
            <p:nvPr/>
          </p:nvSpPr>
          <p:spPr>
            <a:xfrm>
              <a:off x="4477101" y="1723646"/>
              <a:ext cx="1917000" cy="1323000"/>
            </a:xfrm>
            <a:prstGeom prst="rect">
              <a:avLst/>
            </a:prstGeom>
            <a:noFill/>
            <a:ln w="9525" cap="flat" cmpd="sng" algn="ctr">
              <a:noFill/>
              <a:prstDash val="solid"/>
            </a:ln>
            <a:effectLst/>
          </p:spPr>
          <p:txBody>
            <a:bodyPr lIns="54000" rIns="0" rtlCol="0" anchor="t"/>
            <a:lstStyle/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RTS to specify threat led penetration  testing </a:t>
              </a:r>
              <a:b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</a:br>
              <a: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(Art. 26.1)</a:t>
              </a: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1CB1376D-8464-8636-DE4C-DB6603FFBDA7}"/>
                </a:ext>
              </a:extLst>
            </p:cNvPr>
            <p:cNvSpPr/>
            <p:nvPr/>
          </p:nvSpPr>
          <p:spPr>
            <a:xfrm>
              <a:off x="6491010" y="1065749"/>
              <a:ext cx="2196000" cy="648000"/>
            </a:xfrm>
            <a:prstGeom prst="rect">
              <a:avLst/>
            </a:prstGeom>
            <a:solidFill>
              <a:srgbClr val="5C87B1"/>
            </a:solidFill>
            <a:ln w="9525" cap="flat" cmpd="sng" algn="ctr">
              <a:noFill/>
              <a:prstDash val="solid"/>
            </a:ln>
            <a:effectLst/>
          </p:spPr>
          <p:txBody>
            <a:bodyPr lIns="54000" rIns="54000" rtlCol="0" anchor="ctr"/>
            <a:lstStyle/>
            <a:p>
              <a:pPr marL="0" marR="0" lvl="0" indent="0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900" b="0" i="0" u="none" strike="noStrike" kern="0" cap="none" spc="0" normalizeH="0" baseline="0" noProof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latin typeface="Arial" panose="020B0604020202020204" pitchFamily="34" charset="0"/>
                  <a:ea typeface="+mn-ea"/>
                  <a:cs typeface="Arial" panose="020B0604020202020204" pitchFamily="34" charset="0"/>
                </a:rPr>
                <a:t>Third-party risk management (Chapter V.I)</a:t>
              </a: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F1BFCE30-8B74-5052-F79E-45C45CEEDDA4}"/>
                </a:ext>
              </a:extLst>
            </p:cNvPr>
            <p:cNvSpPr/>
            <p:nvPr/>
          </p:nvSpPr>
          <p:spPr>
            <a:xfrm>
              <a:off x="6491010" y="1723646"/>
              <a:ext cx="2196000" cy="1215000"/>
            </a:xfrm>
            <a:prstGeom prst="rect">
              <a:avLst/>
            </a:prstGeom>
            <a:noFill/>
            <a:ln w="9525" cap="flat" cmpd="sng" algn="ctr">
              <a:noFill/>
              <a:prstDash val="solid"/>
            </a:ln>
            <a:effectLst/>
          </p:spPr>
          <p:txBody>
            <a:bodyPr lIns="54000" rIns="0" rtlCol="0" anchor="t"/>
            <a:lstStyle/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1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ITS to establish the templates of register of information (Art.28.9)</a:t>
              </a:r>
            </a:p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1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RTS to specify the policy on ICT services performed by third-party (Art.28.10)</a:t>
              </a:r>
            </a:p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RTS to specify the elements to determine and assess when sub-contracting ICT services supporting a critical or important function (Art.30.5)</a:t>
              </a:r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650F4325-C450-339D-CADD-A4811FE80BC4}"/>
                </a:ext>
              </a:extLst>
            </p:cNvPr>
            <p:cNvSpPr/>
            <p:nvPr/>
          </p:nvSpPr>
          <p:spPr>
            <a:xfrm>
              <a:off x="6491010" y="3763929"/>
              <a:ext cx="2196000" cy="864000"/>
            </a:xfrm>
            <a:prstGeom prst="rect">
              <a:avLst/>
            </a:prstGeom>
            <a:noFill/>
            <a:ln w="9525" cap="flat" cmpd="sng" algn="ctr">
              <a:noFill/>
              <a:prstDash val="solid"/>
            </a:ln>
            <a:effectLst/>
          </p:spPr>
          <p:txBody>
            <a:bodyPr lIns="54000" rIns="0" rtlCol="0" anchor="t"/>
            <a:lstStyle/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1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Call for advice on criticality criteria (Art. 31.6) and fees (Art. 43.2)</a:t>
              </a:r>
            </a:p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Guidelines on “CAs-ESAs cooperation” regarding DORA oversight (Art. 32.7)</a:t>
              </a:r>
            </a:p>
            <a:p>
              <a:pPr marL="65485" marR="0" lvl="0" indent="-65485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RTS on “oversight conduct” (Art. 41)</a:t>
              </a:r>
            </a:p>
            <a:p>
              <a:pPr marL="136922" marR="0" lvl="0" indent="-136922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450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endParaRPr kumimoji="0" lang="en-GB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Arial" panose="020B0604020202020204" pitchFamily="34" charset="0"/>
              </a:endParaRPr>
            </a:p>
            <a:p>
              <a:pPr marL="136922" marR="0" lvl="0" indent="-136922" algn="l" defTabSz="6858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ts val="225"/>
                </a:spcAft>
                <a:buClrTx/>
                <a:buSzTx/>
                <a:buFont typeface="Arial" panose="020B0604020202020204" pitchFamily="34" charset="0"/>
                <a:buChar char="•"/>
                <a:tabLst/>
                <a:defRPr/>
              </a:pPr>
              <a:endParaRPr kumimoji="0" lang="en-GB" sz="8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B4BD5B5E-71F3-0330-2948-6219FEC359A7}"/>
                </a:ext>
              </a:extLst>
            </p:cNvPr>
            <p:cNvSpPr txBox="1"/>
            <p:nvPr/>
          </p:nvSpPr>
          <p:spPr>
            <a:xfrm>
              <a:off x="498790" y="4341916"/>
              <a:ext cx="1817940" cy="394700"/>
            </a:xfrm>
            <a:prstGeom prst="rect">
              <a:avLst/>
            </a:prstGeom>
            <a:noFill/>
          </p:spPr>
          <p:txBody>
            <a:bodyPr wrap="none" rtlCol="0">
              <a:spAutoFit/>
            </a:bodyPr>
            <a:lstStyle/>
            <a:p>
              <a:pPr marL="0" marR="0" lvl="0" indent="0" algn="l" defTabSz="91424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800" b="1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Bold</a:t>
              </a:r>
              <a: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 = 12 months policy products</a:t>
              </a:r>
            </a:p>
            <a:p>
              <a:pPr marL="0" marR="0" lvl="0" indent="0" algn="l" defTabSz="914245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en-GB" sz="800" b="0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Calibri"/>
                  <a:ea typeface="+mn-ea"/>
                  <a:cs typeface="Arial" panose="020B0604020202020204" pitchFamily="34" charset="0"/>
                </a:rPr>
                <a:t>Plain = 18 months policy products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698485643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ubtitle 5">
            <a:extLst>
              <a:ext uri="{FF2B5EF4-FFF2-40B4-BE49-F238E27FC236}">
                <a16:creationId xmlns:a16="http://schemas.microsoft.com/office/drawing/2014/main" id="{EE2D7F90-1613-665C-5C04-5B00F8C00A59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l-NL"/>
              <a:t>Over de geactualiseerde Good Practice (2023 versie)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47FD98E-9631-A9D4-87BB-EC41BECF1E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3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ADE9"/>
              </a:buClr>
              <a:buSzTx/>
              <a:buFont typeface="Arial" charset="0"/>
              <a:buNone/>
              <a:tabLst/>
              <a:defRPr/>
            </a:pPr>
            <a:fld id="{B95AE665-5966-6845-BE2F-A9785681FBC0}" type="slidenum">
              <a:rPr kumimoji="0" lang="nl-NL" sz="900" b="0" i="0" u="none" strike="noStrike" kern="1200" cap="none" spc="0" normalizeH="0" baseline="0" noProof="0">
                <a:ln>
                  <a:noFill/>
                </a:ln>
                <a:solidFill>
                  <a:srgbClr val="A4A6B2"/>
                </a:solidFill>
                <a:effectLst/>
                <a:uLnTx/>
                <a:uFillTx/>
                <a:latin typeface="Verdana" charset="0"/>
                <a:ea typeface="Verdana" charset="0"/>
              </a:rPr>
              <a:pPr marL="0" marR="0" lvl="0" indent="0" algn="r" defTabSz="914378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00ADE9"/>
                </a:buClr>
                <a:buSzTx/>
                <a:buFont typeface="Arial" charset="0"/>
                <a:buNone/>
                <a:tabLst/>
                <a:defRPr/>
              </a:pPr>
              <a:t>31</a:t>
            </a:fld>
            <a:endParaRPr kumimoji="0" lang="nl-NL" sz="900" b="0" i="0" u="none" strike="noStrike" kern="1200" cap="none" spc="0" normalizeH="0" baseline="0" noProof="0">
              <a:ln>
                <a:noFill/>
              </a:ln>
              <a:solidFill>
                <a:srgbClr val="A4A6B2"/>
              </a:solidFill>
              <a:effectLst/>
              <a:uLnTx/>
              <a:uFillTx/>
              <a:latin typeface="Verdana" charset="0"/>
              <a:ea typeface="Verdana" charset="0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BC3244E-EA36-D62E-5F6A-A11379F34CB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solidFill>
                  <a:schemeClr val="bg1"/>
                </a:solidFill>
              </a:rPr>
              <a:t>DORA </a:t>
            </a:r>
            <a:r>
              <a:rPr lang="en-US" err="1">
                <a:solidFill>
                  <a:schemeClr val="bg1"/>
                </a:solidFill>
              </a:rPr>
              <a:t>en</a:t>
            </a:r>
            <a:r>
              <a:rPr lang="en-US">
                <a:solidFill>
                  <a:schemeClr val="bg1"/>
                </a:solidFill>
              </a:rPr>
              <a:t> de Good Practice </a:t>
            </a:r>
            <a:r>
              <a:rPr lang="en-US" err="1">
                <a:solidFill>
                  <a:schemeClr val="bg1"/>
                </a:solidFill>
              </a:rPr>
              <a:t>informatiebeveiliging</a:t>
            </a:r>
            <a:endParaRPr lang="en-NL">
              <a:solidFill>
                <a:schemeClr val="bg1"/>
              </a:solidFill>
            </a:endParaRP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15D0B39E-2903-710F-495D-A7BEC3C1E146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>
            <a:normAutofit/>
          </a:bodyPr>
          <a:lstStyle/>
          <a:p>
            <a:pPr marL="285743" indent="-285743">
              <a:buFont typeface="Arial" panose="020B0604020202020204" pitchFamily="34" charset="0"/>
              <a:buChar char="•"/>
            </a:pPr>
            <a:r>
              <a:rPr lang="nl-NL"/>
              <a:t>Op 19 december 2023 is de geactualiseerde </a:t>
            </a:r>
            <a:r>
              <a:rPr lang="nl-NL" err="1"/>
              <a:t>Good</a:t>
            </a:r>
            <a:r>
              <a:rPr lang="nl-NL"/>
              <a:t> </a:t>
            </a:r>
            <a:r>
              <a:rPr lang="nl-NL" err="1"/>
              <a:t>Practice</a:t>
            </a:r>
            <a:r>
              <a:rPr lang="nl-NL"/>
              <a:t> (GP) </a:t>
            </a:r>
            <a:r>
              <a:rPr lang="nl-NL" err="1"/>
              <a:t>Informatie-beveiliging</a:t>
            </a:r>
            <a:r>
              <a:rPr lang="nl-NL"/>
              <a:t> gepubliceerd op Open Boek Toezicht.</a:t>
            </a:r>
          </a:p>
          <a:p>
            <a:pPr marL="285743" indent="-285743">
              <a:buFont typeface="Arial" panose="020B0604020202020204" pitchFamily="34" charset="0"/>
              <a:buChar char="•"/>
            </a:pPr>
            <a:endParaRPr lang="nl-NL"/>
          </a:p>
          <a:p>
            <a:pPr marL="285743" indent="-285743">
              <a:buFont typeface="Arial" panose="020B0604020202020204" pitchFamily="34" charset="0"/>
              <a:buChar char="•"/>
            </a:pPr>
            <a:r>
              <a:rPr lang="nl-NL"/>
              <a:t>Elementen van de DORA verordening zijn in de GP opgenomen, maar niet de technische standaarden. Ook is de reikwijdte van DORA breder dan de GP.</a:t>
            </a:r>
          </a:p>
          <a:p>
            <a:pPr marL="285743" indent="-285743">
              <a:buFont typeface="Arial" panose="020B0604020202020204" pitchFamily="34" charset="0"/>
              <a:buChar char="•"/>
            </a:pPr>
            <a:endParaRPr lang="nl-NL"/>
          </a:p>
          <a:p>
            <a:pPr marL="285743" indent="-285743">
              <a:buFont typeface="Arial" panose="020B0604020202020204" pitchFamily="34" charset="0"/>
              <a:buChar char="•"/>
            </a:pPr>
            <a:r>
              <a:rPr lang="nl-NL"/>
              <a:t>De GP wordt ten minste gebruikt tot 17 januari 2025. DNB evalueert de rol die de GP </a:t>
            </a:r>
            <a:r>
              <a:rPr lang="nl-NL" i="1"/>
              <a:t>kan</a:t>
            </a:r>
            <a:r>
              <a:rPr lang="nl-NL"/>
              <a:t> spelen nadat DORA van toepassing is. </a:t>
            </a:r>
          </a:p>
          <a:p>
            <a:pPr marL="285743" indent="-285743">
              <a:buFont typeface="Arial" panose="020B0604020202020204" pitchFamily="34" charset="0"/>
              <a:buChar char="•"/>
            </a:pPr>
            <a:endParaRPr lang="nl-NL"/>
          </a:p>
          <a:p>
            <a:pPr marL="285743" indent="-285743">
              <a:buFont typeface="Arial" panose="020B0604020202020204" pitchFamily="34" charset="0"/>
              <a:buChar char="•"/>
            </a:pPr>
            <a:r>
              <a:rPr lang="nl-NL"/>
              <a:t>DNB benadrukt dat DORA als EU-verordening per 2025 het wettelijke kader is voor digitale weerbaarheid.</a:t>
            </a:r>
          </a:p>
        </p:txBody>
      </p:sp>
      <p:sp>
        <p:nvSpPr>
          <p:cNvPr id="2" name="Text Box 3" descr="| DNB PUBLIC |">
            <a:extLst>
              <a:ext uri="{FF2B5EF4-FFF2-40B4-BE49-F238E27FC236}">
                <a16:creationId xmlns:a16="http://schemas.microsoft.com/office/drawing/2014/main" id="{CC190692-21AA-8FE8-3932-7D36C703A7D9}"/>
              </a:ext>
              <a:ext uri="{5AE41FA2-C0FF-4470-9BD4-5FADCA87CBE2}">
                <aclsh:classification xmlns:aclsh="http://schemas.microsoft.com/office/drawing/2020/classificationShape" classificationOutcomeType="hdr"/>
              </a:ext>
            </a:extLst>
          </p:cNvPr>
          <p:cNvSpPr txBox="1"/>
          <p:nvPr/>
        </p:nvSpPr>
        <p:spPr>
          <a:xfrm>
            <a:off x="7956323" y="4602958"/>
            <a:ext cx="1067600" cy="349711"/>
          </a:xfrm>
          <a:prstGeom prst="rect">
            <a:avLst/>
          </a:prstGeom>
          <a:noFill/>
          <a:ln>
            <a:noFill/>
          </a:ln>
        </p:spPr>
        <p:txBody>
          <a:bodyPr rot="0" spcFirstLastPara="0" vert="horz" wrap="none" lIns="254000" tIns="190500" rIns="0" bIns="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marL="0" marR="0" lvl="0" indent="0" algn="l" defTabSz="914378" rtl="0" eaLnBrk="1" fontAlgn="auto" latinLnBrk="0" hangingPunct="1">
              <a:lnSpc>
                <a:spcPct val="1070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Tx/>
              <a:buNone/>
              <a:tabLst/>
              <a:defRPr/>
            </a:pPr>
            <a:r>
              <a:rPr kumimoji="0" lang="nl-NL" sz="1000" b="0" i="0" u="none" strike="noStrike" kern="1200" cap="none" spc="0" normalizeH="0" baseline="0" noProof="0">
                <a:ln>
                  <a:noFill/>
                </a:ln>
                <a:solidFill>
                  <a:srgbClr val="7FAA39"/>
                </a:solidFill>
                <a:effectLst/>
                <a:uLnTx/>
                <a:uFillTx/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| DNB PUBLIC |</a:t>
            </a:r>
            <a:endParaRPr kumimoji="0" lang="en-NL" sz="11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892739631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6" descr="A map of the united states at night&#10;&#10;Description automatically generated">
            <a:extLst>
              <a:ext uri="{FF2B5EF4-FFF2-40B4-BE49-F238E27FC236}">
                <a16:creationId xmlns:a16="http://schemas.microsoft.com/office/drawing/2014/main" id="{A6EF18EE-577A-E8F1-2AE8-5EAECA04B61D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3"/>
          <a:srcRect t="7806" b="7806"/>
          <a:stretch>
            <a:fillRect/>
          </a:stretch>
        </p:blipFill>
        <p:spPr>
          <a:xfrm>
            <a:off x="0" y="0"/>
            <a:ext cx="9144000" cy="5143500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B15558E-29C1-A195-3F22-10BFA028272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7" y="3093668"/>
            <a:ext cx="5249853" cy="768625"/>
          </a:xfrm>
        </p:spPr>
        <p:txBody>
          <a:bodyPr/>
          <a:lstStyle/>
          <a:p>
            <a:r>
              <a:rPr lang="nl-NL"/>
              <a:t>ICT Risk </a:t>
            </a:r>
          </a:p>
          <a:p>
            <a:r>
              <a:rPr lang="nl-NL"/>
              <a:t>Management</a:t>
            </a:r>
          </a:p>
        </p:txBody>
      </p:sp>
    </p:spTree>
    <p:extLst>
      <p:ext uri="{BB962C8B-B14F-4D97-AF65-F5344CB8AC3E}">
        <p14:creationId xmlns:p14="http://schemas.microsoft.com/office/powerpoint/2010/main" val="3331173588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A18E3D4-8615-62D7-D554-7E41C8D473F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8119110" y="4741067"/>
            <a:ext cx="519115" cy="197644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t>33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444B3E8-A827-9CF6-4CCD-FF2C72303C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1348" y="435549"/>
            <a:ext cx="8126878" cy="364326"/>
          </a:xfrm>
        </p:spPr>
        <p:txBody>
          <a:bodyPr anchor="t">
            <a:normAutofit/>
          </a:bodyPr>
          <a:lstStyle/>
          <a:p>
            <a:r>
              <a:rPr lang="nl-NL"/>
              <a:t>ICT Risk Management</a:t>
            </a:r>
            <a:endParaRPr lang="en-NL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4C909283-B42B-F90D-3EC7-14F77BD036B8}"/>
              </a:ext>
            </a:extLst>
          </p:cNvPr>
          <p:cNvSpPr>
            <a:spLocks noGrp="1"/>
          </p:cNvSpPr>
          <p:nvPr>
            <p:ph sz="quarter" idx="15"/>
          </p:nvPr>
        </p:nvSpPr>
        <p:spPr>
          <a:xfrm>
            <a:off x="511200" y="1120140"/>
            <a:ext cx="3797510" cy="3258928"/>
          </a:xfrm>
        </p:spPr>
        <p:txBody>
          <a:bodyPr wrap="square">
            <a:normAutofit/>
          </a:bodyPr>
          <a:lstStyle/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/>
              <a:t>Qua </a:t>
            </a:r>
            <a:r>
              <a:rPr lang="en-US" err="1"/>
              <a:t>opzet</a:t>
            </a:r>
            <a:r>
              <a:rPr lang="en-US"/>
              <a:t> </a:t>
            </a:r>
            <a:r>
              <a:rPr lang="en-US" err="1"/>
              <a:t>en</a:t>
            </a:r>
            <a:r>
              <a:rPr lang="en-US"/>
              <a:t> </a:t>
            </a:r>
            <a:r>
              <a:rPr lang="en-US" err="1"/>
              <a:t>inhoud</a:t>
            </a:r>
            <a:r>
              <a:rPr lang="en-US"/>
              <a:t> </a:t>
            </a:r>
            <a:r>
              <a:rPr lang="en-US" err="1"/>
              <a:t>vergelijkbaar</a:t>
            </a:r>
            <a:r>
              <a:rPr lang="en-US"/>
              <a:t> met de Good Practice </a:t>
            </a:r>
            <a:r>
              <a:rPr lang="en-US" err="1"/>
              <a:t>Informatiebeveiliging</a:t>
            </a:r>
            <a:r>
              <a:rPr lang="en-US"/>
              <a:t>: IT-(security)</a:t>
            </a:r>
            <a:r>
              <a:rPr lang="en-US" err="1"/>
              <a:t>beleid</a:t>
            </a:r>
            <a:r>
              <a:rPr lang="en-US"/>
              <a:t>, </a:t>
            </a:r>
            <a:r>
              <a:rPr lang="en-US" err="1"/>
              <a:t>logische</a:t>
            </a:r>
            <a:r>
              <a:rPr lang="en-US"/>
              <a:t> </a:t>
            </a:r>
            <a:r>
              <a:rPr lang="en-US" err="1"/>
              <a:t>en</a:t>
            </a:r>
            <a:r>
              <a:rPr lang="en-US"/>
              <a:t> </a:t>
            </a:r>
            <a:r>
              <a:rPr lang="en-US" err="1"/>
              <a:t>fysieke</a:t>
            </a:r>
            <a:r>
              <a:rPr lang="en-US"/>
              <a:t> </a:t>
            </a:r>
            <a:r>
              <a:rPr lang="en-US" err="1"/>
              <a:t>toegangsbeveiliging</a:t>
            </a:r>
            <a:r>
              <a:rPr lang="en-US"/>
              <a:t>, </a:t>
            </a:r>
            <a:r>
              <a:rPr lang="en-US" err="1"/>
              <a:t>netwerkbeveiliging</a:t>
            </a:r>
            <a:r>
              <a:rPr lang="en-US"/>
              <a:t>, change management, detective &amp; monitoring, etc.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nl-NL"/>
              <a:t>DORA vereist betrokkenheid van een leidinggevend orgaan bij het IT-risicobeheer en verwacht dat de kennis en kunde van dit leidinggevend orgaan op pijl is.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NL"/>
          </a:p>
        </p:txBody>
      </p:sp>
      <p:pic>
        <p:nvPicPr>
          <p:cNvPr id="6" name="Picture 5" descr="A close up of a document&#10;&#10;Description automatically generated">
            <a:extLst>
              <a:ext uri="{FF2B5EF4-FFF2-40B4-BE49-F238E27FC236}">
                <a16:creationId xmlns:a16="http://schemas.microsoft.com/office/drawing/2014/main" id="{228D660B-417A-E6CC-B15F-DE43C48F85B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87577" y="1120140"/>
            <a:ext cx="3700408" cy="3258928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2491258197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BB935EB-962D-F78F-DA7C-7BD5C545AC6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en-US" i="0" err="1">
                <a:effectLst/>
              </a:rPr>
              <a:t>Voorbeeld</a:t>
            </a:r>
            <a:r>
              <a:rPr lang="en-US" i="0">
                <a:effectLst/>
              </a:rPr>
              <a:t> #1</a:t>
            </a:r>
            <a:endParaRPr lang="en-NL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0A00C438-1986-C1EC-0531-A1BCEAE2A413}"/>
              </a:ext>
            </a:extLst>
          </p:cNvPr>
          <p:cNvPicPr>
            <a:picLocks noGrp="1" noChangeAspect="1"/>
          </p:cNvPicPr>
          <p:nvPr>
            <p:ph sz="quarter" idx="15"/>
          </p:nvPr>
        </p:nvPicPr>
        <p:blipFill>
          <a:blip r:embed="rId3"/>
          <a:stretch>
            <a:fillRect/>
          </a:stretch>
        </p:blipFill>
        <p:spPr>
          <a:xfrm>
            <a:off x="614111" y="1274323"/>
            <a:ext cx="1983699" cy="2087462"/>
          </a:xfr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D81AF705-5F5D-9E6D-12B7-94CCB28B843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612547" y="1274323"/>
            <a:ext cx="4440072" cy="37544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10458864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5D9239-625F-16B3-D0A8-1FCA6B35F34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en-US" i="0" err="1">
                <a:effectLst/>
              </a:rPr>
              <a:t>Voorbeeld</a:t>
            </a:r>
            <a:r>
              <a:rPr lang="en-US" i="0">
                <a:effectLst/>
              </a:rPr>
              <a:t> #2</a:t>
            </a:r>
            <a:endParaRPr lang="en-NL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C40184E0-05AF-D17F-ADE3-DA951FD95A73}"/>
              </a:ext>
            </a:extLst>
          </p:cNvPr>
          <p:cNvPicPr>
            <a:picLocks noGrp="1" noChangeAspect="1"/>
          </p:cNvPicPr>
          <p:nvPr>
            <p:ph sz="quarter" idx="15"/>
          </p:nvPr>
        </p:nvPicPr>
        <p:blipFill>
          <a:blip r:embed="rId3"/>
          <a:stretch>
            <a:fillRect/>
          </a:stretch>
        </p:blipFill>
        <p:spPr>
          <a:xfrm>
            <a:off x="564442" y="1292837"/>
            <a:ext cx="2143482" cy="1804324"/>
          </a:xfr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3A09228A-5392-A9D5-D694-D0B375A7FEB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91630" y="1176226"/>
            <a:ext cx="4333912" cy="498533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4D59069E-2540-9097-55F7-4E6B172A972B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091630" y="1724866"/>
            <a:ext cx="4333912" cy="233006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1752D831-8D20-14E5-53A8-93DA6041760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091630" y="4084054"/>
            <a:ext cx="4333912" cy="357300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E4068D00-E364-8155-B87C-AE60ACE9BB2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091629" y="4470482"/>
            <a:ext cx="4333913" cy="3303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7411235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72B1C7-C411-E881-28F0-278C9EE05F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ICT Risk Management review</a:t>
            </a:r>
            <a:endParaRPr lang="en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B25D78D-1B2E-0875-4EF3-689074AE90B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6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C7D59C3-E00F-6D26-E8EF-1799733F8214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/>
          <a:lstStyle/>
          <a:p>
            <a:r>
              <a:rPr lang="en-US" i="1"/>
              <a:t>“The ICT risk management framework shall be documented and </a:t>
            </a:r>
            <a:r>
              <a:rPr lang="en-US" b="1" i="1"/>
              <a:t>reviewed</a:t>
            </a:r>
            <a:r>
              <a:rPr lang="en-US" i="1"/>
              <a:t> </a:t>
            </a:r>
            <a:r>
              <a:rPr lang="en-US" b="1" i="1"/>
              <a:t>at least once a year</a:t>
            </a:r>
            <a:r>
              <a:rPr lang="en-US" i="1"/>
              <a:t> […] as well as upon the occurrence of major ICT-related incidents, and following supervisory instructions or conclusions derived from relevant digital operational resilience testing or audit processes. </a:t>
            </a:r>
          </a:p>
          <a:p>
            <a:endParaRPr lang="en-US" i="1"/>
          </a:p>
          <a:p>
            <a:r>
              <a:rPr lang="en-US" i="1"/>
              <a:t>It shall be continuously improved on the basis of lessons derived from implementation and monitoring. </a:t>
            </a:r>
            <a:r>
              <a:rPr lang="en-US" b="1" i="1"/>
              <a:t>A report on the review of the ICT risk management framework shall be submitted to the competent authority upon its request</a:t>
            </a:r>
            <a:r>
              <a:rPr lang="en-US" i="1"/>
              <a:t>.”</a:t>
            </a:r>
          </a:p>
        </p:txBody>
      </p:sp>
    </p:spTree>
    <p:extLst>
      <p:ext uri="{BB962C8B-B14F-4D97-AF65-F5344CB8AC3E}">
        <p14:creationId xmlns:p14="http://schemas.microsoft.com/office/powerpoint/2010/main" val="2245116996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6" descr="A map of the united states at night&#10;&#10;Description automatically generated">
            <a:extLst>
              <a:ext uri="{FF2B5EF4-FFF2-40B4-BE49-F238E27FC236}">
                <a16:creationId xmlns:a16="http://schemas.microsoft.com/office/drawing/2014/main" id="{A6EF18EE-577A-E8F1-2AE8-5EAECA04B61D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3"/>
          <a:srcRect t="7806" b="7806"/>
          <a:stretch>
            <a:fillRect/>
          </a:stretch>
        </p:blipFill>
        <p:spPr>
          <a:xfrm>
            <a:off x="0" y="0"/>
            <a:ext cx="9144000" cy="5143500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B15558E-29C1-A195-3F22-10BFA028272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7" y="3093668"/>
            <a:ext cx="5249853" cy="768625"/>
          </a:xfrm>
        </p:spPr>
        <p:txBody>
          <a:bodyPr/>
          <a:lstStyle/>
          <a:p>
            <a:r>
              <a:rPr lang="nl-NL"/>
              <a:t>ICT Incident Management</a:t>
            </a:r>
          </a:p>
        </p:txBody>
      </p:sp>
    </p:spTree>
    <p:extLst>
      <p:ext uri="{BB962C8B-B14F-4D97-AF65-F5344CB8AC3E}">
        <p14:creationId xmlns:p14="http://schemas.microsoft.com/office/powerpoint/2010/main" val="3520618386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20EE43-AA27-3C07-FCC1-87BB9813B4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rmAutofit fontScale="90000"/>
          </a:bodyPr>
          <a:lstStyle/>
          <a:p>
            <a:r>
              <a:rPr lang="en-US" sz="2400"/>
              <a:t>ICT Major </a:t>
            </a:r>
            <a:r>
              <a:rPr lang="en-US" sz="2400" err="1"/>
              <a:t>Incidentclassificatie</a:t>
            </a:r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F3CFCBD-1F99-02CB-79B8-4A7ABDCE86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8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B1DB907-3072-ACED-5AE2-0C8C37B076F3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t="1003"/>
          <a:stretch/>
        </p:blipFill>
        <p:spPr>
          <a:xfrm>
            <a:off x="498766" y="997527"/>
            <a:ext cx="7980219" cy="414597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67048328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0837B5-7F1C-79E8-FC3D-AED4CBD155C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3 typen rapportage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5CD2B81-2F88-2763-4168-DBBE23B216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9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C3470EF4-7780-FD67-B6F1-6CC07368FD0E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b="0" i="0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General information</a:t>
            </a:r>
          </a:p>
          <a:p>
            <a:pPr marL="843750" lvl="2" indent="-285750">
              <a:spcBef>
                <a:spcPts val="400"/>
              </a:spcBef>
              <a:spcAft>
                <a:spcPts val="400"/>
              </a:spcAft>
              <a:buFont typeface="Courier New" panose="02070309020205020404" pitchFamily="49" charset="0"/>
              <a:buChar char="o"/>
            </a:pP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15 velden (naam instelling, contactpersonen, </a:t>
            </a:r>
            <a:r>
              <a:rPr lang="nl-NL" sz="1400" err="1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etc</a:t>
            </a: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b="0" i="0" err="1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Initial</a:t>
            </a:r>
            <a:r>
              <a:rPr lang="nl-NL" sz="1400" b="0" i="0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 </a:t>
            </a:r>
            <a:r>
              <a:rPr lang="nl-NL" sz="1400" b="0" i="0" err="1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notification</a:t>
            </a:r>
            <a:endParaRPr lang="nl-NL" sz="1400" b="0" i="0">
              <a:solidFill>
                <a:srgbClr val="333333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marL="843750" lvl="2" indent="-285750">
              <a:spcBef>
                <a:spcPts val="400"/>
              </a:spcBef>
              <a:spcAft>
                <a:spcPts val="400"/>
              </a:spcAft>
              <a:buFont typeface="Courier New" panose="02070309020205020404" pitchFamily="49" charset="0"/>
              <a:buChar char="o"/>
            </a:pPr>
            <a:r>
              <a:rPr lang="nl-NL" sz="1400" b="0" i="0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10 velden (datum, omschrijving, classificatiecriteria, </a:t>
            </a:r>
            <a:r>
              <a:rPr lang="nl-NL" sz="1400" b="0" i="0" err="1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etc</a:t>
            </a:r>
            <a:r>
              <a:rPr lang="nl-NL" sz="1400" b="0" i="0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)</a:t>
            </a:r>
          </a:p>
          <a:p>
            <a:pPr marL="843750" lvl="2" indent="-285750">
              <a:spcBef>
                <a:spcPts val="400"/>
              </a:spcBef>
              <a:spcAft>
                <a:spcPts val="400"/>
              </a:spcAft>
              <a:buFont typeface="Courier New" panose="02070309020205020404" pitchFamily="49" charset="0"/>
              <a:buChar char="o"/>
            </a:pPr>
            <a:r>
              <a:rPr lang="nl-NL" sz="1400" b="0" i="0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Binnen 4 uur na classificatie</a:t>
            </a: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, niet later dan 24 uur na detectie</a:t>
            </a:r>
            <a:endParaRPr lang="nl-NL" sz="1400" b="0" i="0">
              <a:solidFill>
                <a:srgbClr val="333333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err="1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Intermediate</a:t>
            </a: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 report</a:t>
            </a:r>
          </a:p>
          <a:p>
            <a:pPr marL="843750" lvl="2" indent="-285750">
              <a:spcBef>
                <a:spcPts val="400"/>
              </a:spcBef>
              <a:spcAft>
                <a:spcPts val="400"/>
              </a:spcAft>
              <a:buFont typeface="Courier New" panose="02070309020205020404" pitchFamily="49" charset="0"/>
              <a:buChar char="o"/>
            </a:pP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35 velden (verdere beschrijvingen, verdere impact, verdere details, </a:t>
            </a:r>
            <a:r>
              <a:rPr lang="nl-NL" sz="1400" err="1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etc</a:t>
            </a: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)</a:t>
            </a:r>
          </a:p>
          <a:p>
            <a:pPr marL="843750" lvl="2" indent="-285750">
              <a:spcBef>
                <a:spcPts val="400"/>
              </a:spcBef>
              <a:spcAft>
                <a:spcPts val="400"/>
              </a:spcAft>
              <a:buFont typeface="Courier New" panose="02070309020205020404" pitchFamily="49" charset="0"/>
              <a:buChar char="o"/>
            </a:pP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Binnen 72 uur na initiële notificatie, en/of na hervatting reguliere activiteit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400" b="0" i="0" err="1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Final</a:t>
            </a:r>
            <a:r>
              <a:rPr lang="nl-NL" sz="1400" b="0" i="0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 report</a:t>
            </a:r>
          </a:p>
          <a:p>
            <a:pPr marL="843750" lvl="2" indent="-285750">
              <a:spcBef>
                <a:spcPts val="400"/>
              </a:spcBef>
              <a:spcAft>
                <a:spcPts val="400"/>
              </a:spcAft>
              <a:buFont typeface="Courier New" panose="02070309020205020404" pitchFamily="49" charset="0"/>
              <a:buChar char="o"/>
            </a:pP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14 velden (root </a:t>
            </a:r>
            <a:r>
              <a:rPr lang="nl-NL" sz="1400" err="1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cause</a:t>
            </a: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, financiële impact, </a:t>
            </a:r>
            <a:r>
              <a:rPr lang="nl-NL" sz="1400" err="1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etc</a:t>
            </a: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)</a:t>
            </a:r>
          </a:p>
          <a:p>
            <a:pPr marL="843750" lvl="2" indent="-285750">
              <a:spcBef>
                <a:spcPts val="400"/>
              </a:spcBef>
              <a:spcAft>
                <a:spcPts val="400"/>
              </a:spcAft>
              <a:buFont typeface="Courier New" panose="02070309020205020404" pitchFamily="49" charset="0"/>
              <a:buChar char="o"/>
            </a:pP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1 maand na laatste </a:t>
            </a:r>
            <a:r>
              <a:rPr lang="nl-NL" sz="1400" err="1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intermediate</a:t>
            </a:r>
            <a:r>
              <a:rPr lang="nl-NL" sz="1400">
                <a:solidFill>
                  <a:srgbClr val="333333"/>
                </a:solidFill>
                <a:highlight>
                  <a:srgbClr val="FFFFFF"/>
                </a:highlight>
                <a:latin typeface="+mj-lt"/>
              </a:rPr>
              <a:t> report</a:t>
            </a:r>
          </a:p>
          <a:p>
            <a:pPr marL="843750" lvl="2" indent="-285750">
              <a:spcBef>
                <a:spcPts val="400"/>
              </a:spcBef>
              <a:spcAft>
                <a:spcPts val="400"/>
              </a:spcAft>
              <a:buFont typeface="Courier New" panose="02070309020205020404" pitchFamily="49" charset="0"/>
              <a:buChar char="o"/>
            </a:pPr>
            <a:endParaRPr lang="nl-NL" sz="1400" b="0" i="0">
              <a:solidFill>
                <a:srgbClr val="333333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marL="285750" indent="-285750">
              <a:buFont typeface="Courier New" panose="02070309020205020404" pitchFamily="49" charset="0"/>
              <a:buChar char="o"/>
            </a:pPr>
            <a:endParaRPr lang="nl-NL" sz="1400" b="0" i="0">
              <a:solidFill>
                <a:srgbClr val="333333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42410652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E93688-9B92-A9D3-CF3B-E4E8DC137A8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Toezicht op uw sector 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A59787CA-BAC5-9A24-D2A6-6C488504A11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4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41D5CDC1-11F1-C936-476A-E7624F20BA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7" y="1120140"/>
            <a:ext cx="8126878" cy="3258928"/>
          </a:xfrm>
        </p:spPr>
        <p:txBody>
          <a:bodyPr/>
          <a:lstStyle/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</p:txBody>
      </p:sp>
      <p:sp>
        <p:nvSpPr>
          <p:cNvPr id="9" name="Tekstvak 8">
            <a:extLst>
              <a:ext uri="{FF2B5EF4-FFF2-40B4-BE49-F238E27FC236}">
                <a16:creationId xmlns:a16="http://schemas.microsoft.com/office/drawing/2014/main" id="{91A84B79-07D4-E4EF-CF64-D6B0E517F427}"/>
              </a:ext>
            </a:extLst>
          </p:cNvPr>
          <p:cNvSpPr txBox="1"/>
          <p:nvPr/>
        </p:nvSpPr>
        <p:spPr>
          <a:xfrm>
            <a:off x="508560" y="1120140"/>
            <a:ext cx="8315771" cy="1560889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350"/>
              <a:t>Toezichtcapaciteit en -expertise is schaars </a:t>
            </a:r>
            <a:r>
              <a:rPr lang="nl-NL" sz="1350">
                <a:sym typeface="Wingdings" panose="05000000000000000000" pitchFamily="2" charset="2"/>
              </a:rPr>
              <a:t> </a:t>
            </a:r>
            <a:r>
              <a:rPr lang="nl-NL" sz="1350" err="1"/>
              <a:t>risicogebaseerd</a:t>
            </a:r>
            <a:r>
              <a:rPr lang="nl-NL" sz="1350"/>
              <a:t> werke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350"/>
              <a:t>Toezichtmethode: ATM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350"/>
              <a:t>Drie impactklassen: I1, I2 of I3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350"/>
              <a:t>Toezichtwerkzaamheden en risicotolerantie (VRTT) </a:t>
            </a:r>
          </a:p>
          <a:p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350"/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F94C3912-2BFB-C201-B929-AA4125CF352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98341" y="2947489"/>
            <a:ext cx="8119105" cy="139052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74451416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6" descr="A map of the united states at night&#10;&#10;Description automatically generated">
            <a:extLst>
              <a:ext uri="{FF2B5EF4-FFF2-40B4-BE49-F238E27FC236}">
                <a16:creationId xmlns:a16="http://schemas.microsoft.com/office/drawing/2014/main" id="{A6EF18EE-577A-E8F1-2AE8-5EAECA04B61D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3"/>
          <a:srcRect t="7806" b="7806"/>
          <a:stretch>
            <a:fillRect/>
          </a:stretch>
        </p:blipFill>
        <p:spPr>
          <a:xfrm>
            <a:off x="0" y="0"/>
            <a:ext cx="9144000" cy="5143500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B15558E-29C1-A195-3F22-10BFA028272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7" y="3093668"/>
            <a:ext cx="5249853" cy="768625"/>
          </a:xfrm>
        </p:spPr>
        <p:txBody>
          <a:bodyPr/>
          <a:lstStyle/>
          <a:p>
            <a:r>
              <a:rPr lang="nl-NL"/>
              <a:t>Digital </a:t>
            </a:r>
            <a:r>
              <a:rPr lang="nl-NL" err="1"/>
              <a:t>Operational</a:t>
            </a:r>
            <a:r>
              <a:rPr lang="nl-NL"/>
              <a:t> </a:t>
            </a:r>
            <a:r>
              <a:rPr lang="nl-NL" err="1"/>
              <a:t>Resilience</a:t>
            </a:r>
            <a:r>
              <a:rPr lang="nl-NL"/>
              <a:t> </a:t>
            </a:r>
            <a:r>
              <a:rPr lang="nl-NL" err="1"/>
              <a:t>Testing</a:t>
            </a:r>
            <a:endParaRPr lang="nl-NL"/>
          </a:p>
        </p:txBody>
      </p:sp>
    </p:spTree>
    <p:extLst>
      <p:ext uri="{BB962C8B-B14F-4D97-AF65-F5344CB8AC3E}">
        <p14:creationId xmlns:p14="http://schemas.microsoft.com/office/powerpoint/2010/main" val="3449754265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3">
            <a:extLst>
              <a:ext uri="{FF2B5EF4-FFF2-40B4-BE49-F238E27FC236}">
                <a16:creationId xmlns:a16="http://schemas.microsoft.com/office/drawing/2014/main" id="{40F32F3D-3EF0-5A87-2ACB-AD5394A80357}"/>
              </a:ext>
            </a:extLst>
          </p:cNvPr>
          <p:cNvSpPr txBox="1">
            <a:spLocks/>
          </p:cNvSpPr>
          <p:nvPr/>
        </p:nvSpPr>
        <p:spPr>
          <a:xfrm>
            <a:off x="982412" y="1526598"/>
            <a:ext cx="5425945" cy="2726386"/>
          </a:xfrm>
          <a:prstGeom prst="rect">
            <a:avLst/>
          </a:prstGeom>
        </p:spPr>
        <p:txBody>
          <a:bodyPr vert="horz" wrap="square" lIns="0" tIns="0" rIns="0" bIns="0" rtlCol="0">
            <a:normAutofit/>
          </a:bodyPr>
          <a:lstStyle>
            <a:lvl1pPr marL="0" indent="0" algn="l" defTabSz="914400" rtl="0" eaLnBrk="1" latinLnBrk="0" hangingPunct="1">
              <a:lnSpc>
                <a:spcPct val="120000"/>
              </a:lnSpc>
              <a:spcBef>
                <a:spcPts val="0"/>
              </a:spcBef>
              <a:buFont typeface="Arial" panose="020B0604020202020204" pitchFamily="34" charset="0"/>
              <a:buNone/>
              <a:defRPr sz="1350" b="0" kern="0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-180000" algn="l" defTabSz="914400" rtl="0" eaLnBrk="1" latinLnBrk="0" hangingPunct="1">
              <a:lnSpc>
                <a:spcPct val="120000"/>
              </a:lnSpc>
              <a:spcBef>
                <a:spcPts val="800"/>
              </a:spcBef>
              <a:spcAft>
                <a:spcPts val="0"/>
              </a:spcAft>
              <a:buSzPct val="80000"/>
              <a:buFont typeface="Wingdings" panose="05000000000000000000" pitchFamily="2" charset="2"/>
              <a:buChar char="§"/>
              <a:defRPr sz="135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58000" indent="-180000" algn="l" defTabSz="914400" rtl="0" eaLnBrk="1" latinLnBrk="0" hangingPunct="1">
              <a:lnSpc>
                <a:spcPct val="120000"/>
              </a:lnSpc>
              <a:spcBef>
                <a:spcPts val="800"/>
              </a:spcBef>
              <a:buSzPct val="80000"/>
              <a:buFont typeface="Wingdings" panose="05000000000000000000" pitchFamily="2" charset="2"/>
              <a:buChar char="§"/>
              <a:defRPr sz="135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756000" indent="-180000" algn="l" defTabSz="914400" rtl="0" eaLnBrk="1" latinLnBrk="0" hangingPunct="1">
              <a:lnSpc>
                <a:spcPct val="120000"/>
              </a:lnSpc>
              <a:spcBef>
                <a:spcPts val="800"/>
              </a:spcBef>
              <a:buSzPct val="80000"/>
              <a:buFont typeface="Verdana" panose="020B0604030504040204" pitchFamily="34" charset="0"/>
              <a:buChar char="-"/>
              <a:defRPr sz="135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20000"/>
              </a:lnSpc>
              <a:spcBef>
                <a:spcPts val="800"/>
              </a:spcBef>
              <a:spcAft>
                <a:spcPts val="0"/>
              </a:spcAft>
              <a:buSzPct val="80000"/>
              <a:buFontTx/>
              <a:buNone/>
              <a:defRPr sz="135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US" sz="16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Artikel 24/25</a:t>
            </a: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: programma voor het testen van digitale operationele weerbaarheid</a:t>
            </a:r>
          </a:p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Als deel van het ICT-risicobeheer</a:t>
            </a:r>
            <a:endParaRPr kumimoji="0" lang="en-US" sz="16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US" sz="12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US" sz="11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1600" b="1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Artikel 26/27</a:t>
            </a:r>
            <a:r>
              <a:rPr kumimoji="0" lang="en-US" sz="1600" b="0" i="0" u="none" strike="noStrike" kern="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: TLPT</a:t>
            </a:r>
            <a:endParaRPr kumimoji="0" lang="nl-NL" sz="1600" b="0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6C00194-90CF-6015-D5FE-738784B2DD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DORA – Cyber resilience testing &amp; TLPT</a:t>
            </a:r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F014386-1664-6AC4-878B-04592FE64710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1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pic>
        <p:nvPicPr>
          <p:cNvPr id="6" name="Content Placeholder 5" descr="Badge outline">
            <a:extLst>
              <a:ext uri="{FF2B5EF4-FFF2-40B4-BE49-F238E27FC236}">
                <a16:creationId xmlns:a16="http://schemas.microsoft.com/office/drawing/2014/main" id="{613F310E-41C3-66DD-8217-1C30868DA9F7}"/>
              </a:ext>
            </a:extLst>
          </p:cNvPr>
          <p:cNvPicPr>
            <a:picLocks noGrp="1" noChangeAspect="1"/>
          </p:cNvPicPr>
          <p:nvPr>
            <p:ph sz="quarter" idx="15"/>
          </p:nvPr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389292" y="2963806"/>
            <a:ext cx="432000" cy="432000"/>
          </a:xfrm>
        </p:spPr>
      </p:pic>
      <p:pic>
        <p:nvPicPr>
          <p:cNvPr id="8" name="Graphic 7" descr="Badge 1 outline">
            <a:extLst>
              <a:ext uri="{FF2B5EF4-FFF2-40B4-BE49-F238E27FC236}">
                <a16:creationId xmlns:a16="http://schemas.microsoft.com/office/drawing/2014/main" id="{C697BE52-6595-6A8F-AA8B-A8268D642FC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389292" y="1771490"/>
            <a:ext cx="432000" cy="432000"/>
          </a:xfrm>
          <a:prstGeom prst="rect">
            <a:avLst/>
          </a:prstGeom>
        </p:spPr>
      </p:pic>
      <p:sp>
        <p:nvSpPr>
          <p:cNvPr id="10" name="Right Brace 9">
            <a:extLst>
              <a:ext uri="{FF2B5EF4-FFF2-40B4-BE49-F238E27FC236}">
                <a16:creationId xmlns:a16="http://schemas.microsoft.com/office/drawing/2014/main" id="{554C92CD-CBFB-78FB-7001-4D2FA2955567}"/>
              </a:ext>
            </a:extLst>
          </p:cNvPr>
          <p:cNvSpPr/>
          <p:nvPr/>
        </p:nvSpPr>
        <p:spPr>
          <a:xfrm>
            <a:off x="5985165" y="1721381"/>
            <a:ext cx="438307" cy="964219"/>
          </a:xfrm>
          <a:prstGeom prst="rightBrace">
            <a:avLst/>
          </a:prstGeom>
          <a:ln w="12700">
            <a:solidFill>
              <a:srgbClr val="578BF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l-NL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C5278FA-EB65-C0E4-F522-73407360C7E9}"/>
              </a:ext>
            </a:extLst>
          </p:cNvPr>
          <p:cNvSpPr txBox="1"/>
          <p:nvPr/>
        </p:nvSpPr>
        <p:spPr>
          <a:xfrm>
            <a:off x="6423472" y="1957856"/>
            <a:ext cx="2138638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Alle DORA-</a:t>
            </a:r>
            <a:r>
              <a:rPr kumimoji="0" lang="en-US" sz="1200" b="0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normadressanten</a:t>
            </a: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 </a:t>
            </a:r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12" name="Right Brace 11">
            <a:extLst>
              <a:ext uri="{FF2B5EF4-FFF2-40B4-BE49-F238E27FC236}">
                <a16:creationId xmlns:a16="http://schemas.microsoft.com/office/drawing/2014/main" id="{F5A83D8C-EE2D-A125-7356-597A806E52B4}"/>
              </a:ext>
            </a:extLst>
          </p:cNvPr>
          <p:cNvSpPr/>
          <p:nvPr/>
        </p:nvSpPr>
        <p:spPr>
          <a:xfrm>
            <a:off x="5985165" y="2791914"/>
            <a:ext cx="438307" cy="785588"/>
          </a:xfrm>
          <a:prstGeom prst="rightBrace">
            <a:avLst/>
          </a:prstGeom>
          <a:ln w="12700">
            <a:solidFill>
              <a:srgbClr val="578BF7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l-NL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1EC5AB8-DF76-C382-E5CF-A1D54CCABF97}"/>
              </a:ext>
            </a:extLst>
          </p:cNvPr>
          <p:cNvSpPr txBox="1"/>
          <p:nvPr/>
        </p:nvSpPr>
        <p:spPr>
          <a:xfrm>
            <a:off x="6423472" y="3041306"/>
            <a:ext cx="2138638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Aangewezen</a:t>
            </a:r>
            <a: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 </a:t>
            </a:r>
            <a:r>
              <a:rPr kumimoji="0" lang="en-US" sz="1200" b="0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t>partijen</a:t>
            </a:r>
            <a:endParaRPr kumimoji="0" lang="nl-NL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510713617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353BDDF-DCC7-BE5F-F042-D4DC9E22C99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2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A653C17-6F7A-34C8-682A-C8C431AC46EC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60009" y="1314922"/>
            <a:ext cx="2691991" cy="3066278"/>
          </a:xfrm>
        </p:spPr>
        <p:txBody>
          <a:bodyPr>
            <a:normAutofit/>
          </a:bodyPr>
          <a:lstStyle/>
          <a:p>
            <a:r>
              <a:rPr lang="nl-NL" sz="1050" b="1" i="1">
                <a:effectLst/>
              </a:rPr>
              <a:t>Artikel 25(1) </a:t>
            </a:r>
            <a:r>
              <a:rPr lang="nl-NL" sz="1050" b="0" i="1">
                <a:effectLst/>
              </a:rPr>
              <a:t>passende tests, zoals kwetsbaarheidsbeoordelingen en -scans, opensource-analyses, netwerkbeveiligingsbeoordelingen, kloofanalyses, beoordelingen van fysieke beveiliging, vragenlijsten en scanningsoftwareoplossingen, beoordelingen van broncodes indien mogelijk, scenariogebaseerde tests, compatibiliteitstests, prestatietests, eind-tot-eindtests en penetratietests.</a:t>
            </a:r>
            <a:endParaRPr lang="nl-NL" sz="1050" i="1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F9372A7-3F7F-788C-AC0C-0AAD1870CBD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125040" y="411620"/>
            <a:ext cx="5758952" cy="438357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03215205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6" descr="A map of the united states at night&#10;&#10;Description automatically generated">
            <a:extLst>
              <a:ext uri="{FF2B5EF4-FFF2-40B4-BE49-F238E27FC236}">
                <a16:creationId xmlns:a16="http://schemas.microsoft.com/office/drawing/2014/main" id="{A6EF18EE-577A-E8F1-2AE8-5EAECA04B61D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3"/>
          <a:srcRect t="7806" b="7806"/>
          <a:stretch>
            <a:fillRect/>
          </a:stretch>
        </p:blipFill>
        <p:spPr>
          <a:xfrm>
            <a:off x="0" y="0"/>
            <a:ext cx="9144000" cy="5143500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B15558E-29C1-A195-3F22-10BFA028272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7" y="3093668"/>
            <a:ext cx="5249853" cy="768625"/>
          </a:xfrm>
        </p:spPr>
        <p:txBody>
          <a:bodyPr/>
          <a:lstStyle/>
          <a:p>
            <a:r>
              <a:rPr lang="nl-NL" err="1"/>
              <a:t>Third</a:t>
            </a:r>
            <a:r>
              <a:rPr lang="nl-NL"/>
              <a:t> Party Risk Management</a:t>
            </a:r>
          </a:p>
        </p:txBody>
      </p:sp>
    </p:spTree>
    <p:extLst>
      <p:ext uri="{BB962C8B-B14F-4D97-AF65-F5344CB8AC3E}">
        <p14:creationId xmlns:p14="http://schemas.microsoft.com/office/powerpoint/2010/main" val="1906916282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20EE43-AA27-3C07-FCC1-87BB9813B4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2000" err="1"/>
              <a:t>Beheersing</a:t>
            </a:r>
            <a:r>
              <a:rPr lang="en-US" sz="2000"/>
              <a:t> van </a:t>
            </a:r>
            <a:r>
              <a:rPr lang="en-US" sz="2000" err="1"/>
              <a:t>uitbestedingsrisico’s</a:t>
            </a:r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F3CFCBD-1F99-02CB-79B8-4A7ABDCE86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4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9A17BC12-5159-EA3C-99BF-BACEAE7637E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250085" y="1205535"/>
            <a:ext cx="6869025" cy="312987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26849070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20EE43-AA27-3C07-FCC1-87BB9813B4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2000" err="1"/>
              <a:t>Informatieregister</a:t>
            </a:r>
            <a:r>
              <a:rPr lang="en-US" sz="2000"/>
              <a:t> m.b.t. ICT-</a:t>
            </a:r>
            <a:r>
              <a:rPr lang="en-US" sz="2000" err="1"/>
              <a:t>contracten</a:t>
            </a:r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F3CFCBD-1F99-02CB-79B8-4A7ABDCE86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5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DE4F90A5-A17D-0936-5F30-86B024615D48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>
            <a:normAutofit fontScale="77500" lnSpcReduction="20000"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l-NL" sz="1900" b="0" i="0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DORA brengt specifieke eisen voor contracten, exit strategieën en het beheren van risico’s binnen de gehele keten.</a:t>
            </a:r>
          </a:p>
          <a:p>
            <a:pPr marL="900900" lvl="2" indent="-342900">
              <a:buFont typeface="Arial" panose="020B0604020202020204" pitchFamily="34" charset="0"/>
              <a:buChar char="•"/>
            </a:pPr>
            <a:r>
              <a:rPr lang="nl-NL" sz="1900" b="0" i="0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Een contract addendum is opgesteld door Loyens &amp; Loeff.</a:t>
            </a:r>
          </a:p>
          <a:p>
            <a:endParaRPr lang="nl-NL" sz="1900" b="0" i="0">
              <a:solidFill>
                <a:srgbClr val="333333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l-NL" sz="1900" b="0" i="0">
                <a:solidFill>
                  <a:srgbClr val="333333"/>
                </a:solidFill>
                <a:effectLst/>
                <a:highlight>
                  <a:srgbClr val="FFFFFF"/>
                </a:highlight>
                <a:latin typeface="+mj-lt"/>
              </a:rPr>
              <a:t>Daarnaast stelt DORA dat instellingen een gedetailleerd register van uitbestedingen moeten bijhouden (incl. onder-uitbestedingen).</a:t>
            </a:r>
          </a:p>
          <a:p>
            <a:endParaRPr lang="nl-NL" sz="1900" b="0" i="0">
              <a:solidFill>
                <a:srgbClr val="333333"/>
              </a:solidFill>
              <a:effectLst/>
              <a:highlight>
                <a:srgbClr val="FFFFFF"/>
              </a:highlight>
              <a:latin typeface="+mj-lt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l-NL" sz="1900" b="1">
                <a:latin typeface="+mj-lt"/>
              </a:rPr>
              <a:t>De drie doelstellingen van het informatieregister</a:t>
            </a:r>
          </a:p>
          <a:p>
            <a:pPr marL="900900" lvl="2" indent="-342900">
              <a:buFont typeface="Arial" panose="020B0604020202020204" pitchFamily="34" charset="0"/>
              <a:buChar char="•"/>
            </a:pPr>
            <a:r>
              <a:rPr lang="nl-NL" sz="1900">
                <a:latin typeface="+mj-lt"/>
              </a:rPr>
              <a:t>Ondersteuning bij het eigen beheer en de monitoring van ICT third-party risico’s</a:t>
            </a:r>
          </a:p>
          <a:p>
            <a:pPr marL="900900" lvl="2" indent="-342900">
              <a:buFont typeface="Arial" panose="020B0604020202020204" pitchFamily="34" charset="0"/>
              <a:buChar char="•"/>
            </a:pPr>
            <a:r>
              <a:rPr lang="nl-NL" sz="1900">
                <a:latin typeface="+mj-lt"/>
              </a:rPr>
              <a:t>Ondersteuning van het toezicht op ICT third-party risico’s door DNB</a:t>
            </a:r>
          </a:p>
          <a:p>
            <a:pPr marL="900900" lvl="2" indent="-342900">
              <a:buFont typeface="Arial" panose="020B0604020202020204" pitchFamily="34" charset="0"/>
              <a:buChar char="•"/>
            </a:pPr>
            <a:r>
              <a:rPr lang="nl-NL" sz="1900">
                <a:latin typeface="+mj-lt"/>
              </a:rPr>
              <a:t>Ondersteuning van het Oversight Framework via concentratierisico’s</a:t>
            </a:r>
          </a:p>
          <a:p>
            <a:pPr marL="285750" indent="-285750">
              <a:buFont typeface="Courier New" panose="02070309020205020404" pitchFamily="49" charset="0"/>
              <a:buChar char="o"/>
            </a:pPr>
            <a:endParaRPr lang="nl-NL" sz="1400"/>
          </a:p>
          <a:p>
            <a:endParaRPr lang="en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29025498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6" descr="A map of the united states at night&#10;&#10;Description automatically generated">
            <a:extLst>
              <a:ext uri="{FF2B5EF4-FFF2-40B4-BE49-F238E27FC236}">
                <a16:creationId xmlns:a16="http://schemas.microsoft.com/office/drawing/2014/main" id="{A6EF18EE-577A-E8F1-2AE8-5EAECA04B61D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3"/>
          <a:srcRect t="7806" b="7806"/>
          <a:stretch>
            <a:fillRect/>
          </a:stretch>
        </p:blipFill>
        <p:spPr>
          <a:xfrm>
            <a:off x="0" y="0"/>
            <a:ext cx="9144000" cy="5143500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B15558E-29C1-A195-3F22-10BFA028272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7" y="3093668"/>
            <a:ext cx="5249853" cy="768625"/>
          </a:xfrm>
        </p:spPr>
        <p:txBody>
          <a:bodyPr/>
          <a:lstStyle/>
          <a:p>
            <a:r>
              <a:rPr lang="nl-NL" err="1"/>
              <a:t>Oversight</a:t>
            </a:r>
            <a:r>
              <a:rPr lang="nl-NL"/>
              <a:t> </a:t>
            </a:r>
          </a:p>
          <a:p>
            <a:r>
              <a:rPr lang="nl-NL"/>
              <a:t>Framework</a:t>
            </a:r>
          </a:p>
        </p:txBody>
      </p:sp>
    </p:spTree>
    <p:extLst>
      <p:ext uri="{BB962C8B-B14F-4D97-AF65-F5344CB8AC3E}">
        <p14:creationId xmlns:p14="http://schemas.microsoft.com/office/powerpoint/2010/main" val="2117756486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20EE43-AA27-3C07-FCC1-87BB9813B4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2000"/>
              <a:t>Oversight op </a:t>
            </a:r>
            <a:r>
              <a:rPr lang="en-US" sz="2000" err="1"/>
              <a:t>Kritieke</a:t>
            </a:r>
            <a:r>
              <a:rPr lang="en-US" sz="2000"/>
              <a:t> </a:t>
            </a:r>
            <a:r>
              <a:rPr lang="en-US" sz="2000" err="1"/>
              <a:t>Derde</a:t>
            </a:r>
            <a:r>
              <a:rPr lang="en-US" sz="2000"/>
              <a:t> </a:t>
            </a:r>
            <a:r>
              <a:rPr lang="en-US" sz="2000" err="1"/>
              <a:t>aanbieders</a:t>
            </a:r>
            <a:r>
              <a:rPr lang="en-US" sz="2000"/>
              <a:t> (CTPPs)</a:t>
            </a:r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F3CFCBD-1F99-02CB-79B8-4A7ABDCE86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7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DE4F90A5-A17D-0936-5F30-86B024615D48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>
            <a:normAutofit fontScale="85000" lnSpcReduction="20000"/>
          </a:bodyPr>
          <a:lstStyle/>
          <a:p>
            <a:r>
              <a:rPr lang="en-US" sz="1800" b="1"/>
              <a:t>De </a:t>
            </a:r>
            <a:r>
              <a:rPr lang="en-US" sz="1800" b="1" err="1"/>
              <a:t>grootste</a:t>
            </a:r>
            <a:r>
              <a:rPr lang="en-US" sz="1800" b="1"/>
              <a:t> </a:t>
            </a:r>
            <a:r>
              <a:rPr lang="en-US" sz="1800" b="1" err="1"/>
              <a:t>derde</a:t>
            </a:r>
            <a:r>
              <a:rPr lang="en-US" sz="1800" b="1"/>
              <a:t> </a:t>
            </a:r>
            <a:r>
              <a:rPr lang="en-US" sz="1800" b="1" err="1"/>
              <a:t>aanbieders</a:t>
            </a:r>
            <a:r>
              <a:rPr lang="en-US" sz="1800" b="1"/>
              <a:t> van ICT </a:t>
            </a:r>
            <a:r>
              <a:rPr lang="en-US" sz="1800" b="1" err="1"/>
              <a:t>diensten</a:t>
            </a:r>
            <a:endParaRPr lang="en-US" sz="1800" b="1"/>
          </a:p>
          <a:p>
            <a:endParaRPr lang="en-US" sz="1800" b="1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800"/>
              <a:t>Beheersing van potentiële systeemrisico’s door toegenomen uitbesteding en concentratie bij verschillende grote aanbieders</a:t>
            </a:r>
          </a:p>
          <a:p>
            <a:endParaRPr lang="nl-NL" sz="180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800"/>
              <a:t>Direct </a:t>
            </a:r>
            <a:r>
              <a:rPr lang="nl-NL" sz="1800" err="1"/>
              <a:t>oversight</a:t>
            </a:r>
            <a:r>
              <a:rPr lang="nl-NL" sz="1800"/>
              <a:t> door de </a:t>
            </a:r>
            <a:r>
              <a:rPr lang="nl-NL" sz="1800" err="1"/>
              <a:t>ESAs</a:t>
            </a:r>
            <a:r>
              <a:rPr lang="nl-NL" sz="1800"/>
              <a:t> met bijdrage van nationale toezichthouder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80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800"/>
              <a:t>Niet-bindende aanbevelingen door het </a:t>
            </a:r>
            <a:r>
              <a:rPr lang="nl-NL" sz="1800" err="1"/>
              <a:t>oversight</a:t>
            </a:r>
            <a:r>
              <a:rPr lang="nl-NL" sz="1800"/>
              <a:t> team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80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800"/>
              <a:t>DNB stelt betreffende financiële instellingen op de hoogte van geconstateerde risico’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80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800"/>
              <a:t>Financiële instellingen kunnen hierdoor rekening houden met de geconstateerde risico’s in het </a:t>
            </a:r>
            <a:r>
              <a:rPr lang="nl-NL" sz="1800" err="1"/>
              <a:t>Third</a:t>
            </a:r>
            <a:r>
              <a:rPr lang="nl-NL" sz="1800"/>
              <a:t> Party Risk Management</a:t>
            </a:r>
          </a:p>
          <a:p>
            <a:pPr marL="285750" indent="-285750">
              <a:buFont typeface="Courier New" panose="02070309020205020404" pitchFamily="49" charset="0"/>
              <a:buChar char="o"/>
            </a:pPr>
            <a:endParaRPr lang="nl-NL" sz="1400"/>
          </a:p>
          <a:p>
            <a:endParaRPr lang="en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75459587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Placeholder 6" descr="A map of the united states at night&#10;&#10;Description automatically generated">
            <a:extLst>
              <a:ext uri="{FF2B5EF4-FFF2-40B4-BE49-F238E27FC236}">
                <a16:creationId xmlns:a16="http://schemas.microsoft.com/office/drawing/2014/main" id="{A6EF18EE-577A-E8F1-2AE8-5EAECA04B61D}"/>
              </a:ext>
            </a:extLst>
          </p:cNvPr>
          <p:cNvPicPr>
            <a:picLocks noGrp="1" noChangeAspect="1"/>
          </p:cNvPicPr>
          <p:nvPr>
            <p:ph type="pic" sz="quarter" idx="11"/>
          </p:nvPr>
        </p:nvPicPr>
        <p:blipFill>
          <a:blip r:embed="rId3"/>
          <a:srcRect t="7806" b="7806"/>
          <a:stretch>
            <a:fillRect/>
          </a:stretch>
        </p:blipFill>
        <p:spPr>
          <a:xfrm>
            <a:off x="0" y="0"/>
            <a:ext cx="9144000" cy="5143500"/>
          </a:xfr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B15558E-29C1-A195-3F22-10BFA028272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10147" y="3093668"/>
            <a:ext cx="5249853" cy="768625"/>
          </a:xfrm>
        </p:spPr>
        <p:txBody>
          <a:bodyPr/>
          <a:lstStyle/>
          <a:p>
            <a:r>
              <a:rPr lang="nl-NL"/>
              <a:t>Samenvatting</a:t>
            </a:r>
          </a:p>
        </p:txBody>
      </p:sp>
    </p:spTree>
    <p:extLst>
      <p:ext uri="{BB962C8B-B14F-4D97-AF65-F5344CB8AC3E}">
        <p14:creationId xmlns:p14="http://schemas.microsoft.com/office/powerpoint/2010/main" val="51753064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20EE43-AA27-3C07-FCC1-87BB9813B4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2000" err="1"/>
              <a:t>Samenvatting</a:t>
            </a:r>
            <a:endParaRPr lang="nl-NL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F3CFCBD-1F99-02CB-79B8-4A7ABDCE86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57ACD69-77E0-4B27-BE9A-0E1A45A60CED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rdana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9</a:t>
            </a:fld>
            <a:endParaRPr kumimoji="0" lang="en-GB" sz="9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Verdana"/>
              <a:ea typeface="+mn-ea"/>
              <a:cs typeface="+mn-cs"/>
            </a:endParaRP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DE4F90A5-A17D-0936-5F30-86B024615D48}"/>
              </a:ext>
            </a:extLst>
          </p:cNvPr>
          <p:cNvSpPr>
            <a:spLocks noGrp="1"/>
          </p:cNvSpPr>
          <p:nvPr>
            <p:ph sz="quarter" idx="15"/>
          </p:nvPr>
        </p:nvSpPr>
        <p:spPr/>
        <p:txBody>
          <a:bodyPr>
            <a:norm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/>
              <a:t>DNB </a:t>
            </a:r>
            <a:r>
              <a:rPr lang="en-US" sz="1800" err="1"/>
              <a:t>staat</a:t>
            </a:r>
            <a:r>
              <a:rPr lang="en-US" sz="1800"/>
              <a:t> in contact met EIOPA </a:t>
            </a:r>
            <a:r>
              <a:rPr lang="en-US" sz="1800" err="1"/>
              <a:t>n.a.v</a:t>
            </a:r>
            <a:r>
              <a:rPr lang="en-US" sz="1800"/>
              <a:t>. de SII </a:t>
            </a:r>
            <a:r>
              <a:rPr lang="en-US" sz="1800" err="1"/>
              <a:t>herziening</a:t>
            </a:r>
            <a:r>
              <a:rPr lang="en-US" sz="1800"/>
              <a:t>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err="1"/>
              <a:t>Informatieregisters</a:t>
            </a:r>
            <a:r>
              <a:rPr lang="en-US" sz="1800"/>
              <a:t> </a:t>
            </a:r>
            <a:r>
              <a:rPr lang="en-US" sz="1800" err="1"/>
              <a:t>worden</a:t>
            </a:r>
            <a:r>
              <a:rPr lang="en-US" sz="1800"/>
              <a:t> </a:t>
            </a:r>
            <a:r>
              <a:rPr lang="en-US" sz="1800" err="1"/>
              <a:t>naar</a:t>
            </a:r>
            <a:r>
              <a:rPr lang="en-US" sz="1800"/>
              <a:t> </a:t>
            </a:r>
            <a:r>
              <a:rPr lang="en-US" sz="1800" err="1"/>
              <a:t>verwachting</a:t>
            </a:r>
            <a:r>
              <a:rPr lang="en-US" sz="1800"/>
              <a:t> in Q1 </a:t>
            </a:r>
            <a:r>
              <a:rPr lang="en-US" sz="1800" err="1"/>
              <a:t>uitgevraagd</a:t>
            </a:r>
            <a:r>
              <a:rPr lang="en-US" sz="1800"/>
              <a:t>; </a:t>
            </a:r>
            <a:r>
              <a:rPr lang="en-US" sz="1800" err="1"/>
              <a:t>zorg</a:t>
            </a:r>
            <a:r>
              <a:rPr lang="en-US" sz="1800"/>
              <a:t> </a:t>
            </a:r>
            <a:r>
              <a:rPr lang="en-US" sz="1800" err="1"/>
              <a:t>dat</a:t>
            </a:r>
            <a:r>
              <a:rPr lang="en-US" sz="1800"/>
              <a:t> de </a:t>
            </a:r>
            <a:r>
              <a:rPr lang="en-US" sz="1800" err="1"/>
              <a:t>instelling</a:t>
            </a:r>
            <a:r>
              <a:rPr lang="en-US" sz="1800"/>
              <a:t> </a:t>
            </a:r>
            <a:r>
              <a:rPr lang="en-US" sz="1800" err="1"/>
              <a:t>hieraan</a:t>
            </a:r>
            <a:r>
              <a:rPr lang="en-US" sz="1800"/>
              <a:t> </a:t>
            </a:r>
            <a:r>
              <a:rPr lang="en-US" sz="1800" err="1"/>
              <a:t>kan</a:t>
            </a:r>
            <a:r>
              <a:rPr lang="en-US" sz="1800"/>
              <a:t> </a:t>
            </a:r>
            <a:r>
              <a:rPr lang="en-US" sz="1800" err="1"/>
              <a:t>voldoen</a:t>
            </a:r>
            <a:r>
              <a:rPr lang="en-US" sz="1800"/>
              <a:t>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err="1"/>
              <a:t>Incidenten</a:t>
            </a:r>
            <a:r>
              <a:rPr lang="en-US" sz="1800"/>
              <a:t> </a:t>
            </a:r>
            <a:r>
              <a:rPr lang="en-US" sz="1800" err="1"/>
              <a:t>moeten</a:t>
            </a:r>
            <a:r>
              <a:rPr lang="en-US" sz="1800"/>
              <a:t> conform DORA </a:t>
            </a:r>
            <a:r>
              <a:rPr lang="en-US" sz="1800" err="1"/>
              <a:t>vereisten</a:t>
            </a:r>
            <a:r>
              <a:rPr lang="en-US" sz="1800"/>
              <a:t> </a:t>
            </a:r>
            <a:r>
              <a:rPr lang="en-US" sz="1800" err="1"/>
              <a:t>worden</a:t>
            </a:r>
            <a:r>
              <a:rPr lang="en-US" sz="1800"/>
              <a:t> </a:t>
            </a:r>
            <a:r>
              <a:rPr lang="en-US" sz="1800" err="1"/>
              <a:t>gedeeld</a:t>
            </a:r>
            <a:r>
              <a:rPr lang="en-US" sz="1800"/>
              <a:t> met de </a:t>
            </a:r>
            <a:r>
              <a:rPr lang="en-US" sz="1800" err="1"/>
              <a:t>toezichthouder</a:t>
            </a:r>
            <a:r>
              <a:rPr lang="en-US" sz="1800"/>
              <a:t>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800" err="1"/>
              <a:t>Aandacht</a:t>
            </a:r>
            <a:r>
              <a:rPr lang="en-US" sz="1800"/>
              <a:t> </a:t>
            </a:r>
            <a:r>
              <a:rPr lang="en-US" sz="1800" err="1"/>
              <a:t>voor</a:t>
            </a:r>
            <a:r>
              <a:rPr lang="en-US" sz="1800"/>
              <a:t> </a:t>
            </a:r>
            <a:r>
              <a:rPr lang="en-US" sz="1800" err="1"/>
              <a:t>kennis</a:t>
            </a:r>
            <a:r>
              <a:rPr lang="en-US" sz="1800"/>
              <a:t> </a:t>
            </a:r>
            <a:r>
              <a:rPr lang="en-US" sz="1800" err="1"/>
              <a:t>en</a:t>
            </a:r>
            <a:r>
              <a:rPr lang="en-US" sz="1800"/>
              <a:t> </a:t>
            </a:r>
            <a:r>
              <a:rPr lang="en-US" sz="1800" err="1"/>
              <a:t>opleiding</a:t>
            </a:r>
            <a:r>
              <a:rPr lang="en-US" sz="1800"/>
              <a:t> </a:t>
            </a:r>
            <a:r>
              <a:rPr lang="en-US" sz="1800" err="1"/>
              <a:t>binnen</a:t>
            </a:r>
            <a:r>
              <a:rPr lang="en-US" sz="1800"/>
              <a:t> het </a:t>
            </a:r>
            <a:r>
              <a:rPr lang="en-US" sz="1800" err="1"/>
              <a:t>bestuur</a:t>
            </a:r>
            <a:r>
              <a:rPr lang="en-US" sz="1800"/>
              <a:t>.</a:t>
            </a:r>
            <a:endParaRPr lang="nl-NL" sz="1800"/>
          </a:p>
          <a:p>
            <a:pPr marL="285750" indent="-285750">
              <a:buFont typeface="Courier New" panose="02070309020205020404" pitchFamily="49" charset="0"/>
              <a:buChar char="o"/>
            </a:pPr>
            <a:endParaRPr lang="nl-NL" sz="1400"/>
          </a:p>
          <a:p>
            <a:endParaRPr lang="en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957477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E93688-9B92-A9D3-CF3B-E4E8DC137A8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>
            <a:noAutofit/>
          </a:bodyPr>
          <a:lstStyle/>
          <a:p>
            <a:r>
              <a:rPr lang="nl-NL"/>
              <a:t>Vijf risicogebieden 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A59787CA-BAC5-9A24-D2A6-6C488504A11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5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41D5CDC1-11F1-C936-476A-E7624F20BA9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7" y="1120140"/>
            <a:ext cx="8126878" cy="3258928"/>
          </a:xfrm>
        </p:spPr>
        <p:txBody>
          <a:bodyPr/>
          <a:lstStyle/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  <a:p>
            <a:endParaRPr lang="nl-NL"/>
          </a:p>
        </p:txBody>
      </p:sp>
      <p:pic>
        <p:nvPicPr>
          <p:cNvPr id="6" name="Picture 8">
            <a:extLst>
              <a:ext uri="{FF2B5EF4-FFF2-40B4-BE49-F238E27FC236}">
                <a16:creationId xmlns:a16="http://schemas.microsoft.com/office/drawing/2014/main" id="{9AC12962-B4B0-800B-E294-A4D0304C185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2129" y="1153547"/>
            <a:ext cx="7160105" cy="1929236"/>
          </a:xfrm>
          <a:prstGeom prst="rect">
            <a:avLst/>
          </a:prstGeom>
        </p:spPr>
      </p:pic>
      <p:sp>
        <p:nvSpPr>
          <p:cNvPr id="9" name="Tekstvak 8">
            <a:extLst>
              <a:ext uri="{FF2B5EF4-FFF2-40B4-BE49-F238E27FC236}">
                <a16:creationId xmlns:a16="http://schemas.microsoft.com/office/drawing/2014/main" id="{91A84B79-07D4-E4EF-CF64-D6B0E517F427}"/>
              </a:ext>
            </a:extLst>
          </p:cNvPr>
          <p:cNvSpPr txBox="1"/>
          <p:nvPr/>
        </p:nvSpPr>
        <p:spPr>
          <a:xfrm>
            <a:off x="1108618" y="3242915"/>
            <a:ext cx="8727855" cy="1560889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350"/>
              <a:t>17 risicocomponenten</a:t>
            </a:r>
          </a:p>
          <a:p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350"/>
              <a:t>Niveau- en </a:t>
            </a:r>
            <a:r>
              <a:rPr lang="nl-NL" sz="1350" err="1"/>
              <a:t>beheersscore</a:t>
            </a:r>
            <a:r>
              <a:rPr lang="nl-NL" sz="1350"/>
              <a:t> </a:t>
            </a:r>
            <a:r>
              <a:rPr lang="nl-NL" sz="1350">
                <a:sym typeface="Wingdings" panose="05000000000000000000" pitchFamily="2" charset="2"/>
              </a:rPr>
              <a:t> risicoscore </a:t>
            </a:r>
            <a:endParaRPr lang="nl-NL" sz="1350"/>
          </a:p>
          <a:p>
            <a:endParaRPr lang="nl-NL" sz="1350"/>
          </a:p>
        </p:txBody>
      </p:sp>
    </p:spTree>
    <p:extLst>
      <p:ext uri="{BB962C8B-B14F-4D97-AF65-F5344CB8AC3E}">
        <p14:creationId xmlns:p14="http://schemas.microsoft.com/office/powerpoint/2010/main" val="1163821806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9E17504-4F66-AA4F-0C6E-1854653BC4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Heeft u vragen?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A4E039D0-34D5-D6D3-A425-093CDEACD017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50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3779D7D4-9605-102A-7F55-0D5095B04B3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6" y="1201712"/>
            <a:ext cx="3797364" cy="3258928"/>
          </a:xfrm>
        </p:spPr>
        <p:txBody>
          <a:bodyPr/>
          <a:lstStyle/>
          <a:p>
            <a:pPr algn="ctr"/>
            <a:r>
              <a:rPr lang="nl-NL"/>
              <a:t>Bedankt voor uw aandacht! </a:t>
            </a:r>
            <a:endParaRPr lang="en-NL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20CF5C76-4E0C-D8CC-F43C-DDADEE51FCB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79992" y="1501140"/>
            <a:ext cx="2660073" cy="266007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211455557"/>
      </p:ext>
    </p:extLst>
  </p:cSld>
  <p:clrMapOvr>
    <a:masterClrMapping/>
  </p:clrMapOvr>
</p:sld>
</file>

<file path=ppt/slides/slide5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F1BC319-9901-3AA5-E65E-1AC77E536B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Contactgegevens</a:t>
            </a:r>
            <a:r>
              <a:rPr lang="nl-NL">
                <a:solidFill>
                  <a:schemeClr val="tx1"/>
                </a:solidFill>
              </a:rPr>
              <a:t> </a:t>
            </a:r>
            <a:endParaRPr lang="en-NL">
              <a:solidFill>
                <a:schemeClr val="tx1"/>
              </a:solidFill>
            </a:endParaRPr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4A6C126C-2D84-7F1D-3C3E-F99F9CBC9A6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51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711AA277-C36E-0F60-9053-FF24A424D43E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7" y="1120140"/>
            <a:ext cx="8126878" cy="3258928"/>
          </a:xfrm>
        </p:spPr>
        <p:txBody>
          <a:bodyPr>
            <a:normAutofit/>
          </a:bodyPr>
          <a:lstStyle/>
          <a:p>
            <a:r>
              <a:rPr lang="nl-NL" sz="1300"/>
              <a:t>Heeft u vragen of opmerkingen over de besproken onderwerpen? Neem dan gerust contact op met: </a:t>
            </a:r>
          </a:p>
          <a:p>
            <a:endParaRPr lang="nl-NL" sz="1300"/>
          </a:p>
          <a:p>
            <a:r>
              <a:rPr lang="nl-NL" sz="1300"/>
              <a:t>Leen van Duijn – email: </a:t>
            </a:r>
            <a:r>
              <a:rPr lang="nl-NL" sz="1300">
                <a:hlinkClick r:id="rId3"/>
              </a:rPr>
              <a:t>l.w.van.duijn@dnb.nl</a:t>
            </a:r>
            <a:r>
              <a:rPr lang="nl-NL" sz="1300"/>
              <a:t> </a:t>
            </a:r>
          </a:p>
          <a:p>
            <a:r>
              <a:rPr lang="nl-NL" sz="1300"/>
              <a:t>Tim van de Graaf – email: </a:t>
            </a:r>
            <a:r>
              <a:rPr lang="nl-NL" sz="1300">
                <a:hlinkClick r:id="rId4"/>
              </a:rPr>
              <a:t>t.c.d.van.de.graaf@dnb.nl</a:t>
            </a:r>
            <a:r>
              <a:rPr lang="nl-NL" sz="1300"/>
              <a:t> </a:t>
            </a:r>
          </a:p>
          <a:p>
            <a:endParaRPr lang="nl-NL" sz="1300"/>
          </a:p>
          <a:p>
            <a:r>
              <a:rPr lang="nl-NL" sz="1300"/>
              <a:t>Uiteraard kunt u ook altijd contact opnemen met uw toezichthouder. </a:t>
            </a:r>
            <a:endParaRPr lang="en-NL" sz="1300"/>
          </a:p>
        </p:txBody>
      </p:sp>
    </p:spTree>
    <p:extLst>
      <p:ext uri="{BB962C8B-B14F-4D97-AF65-F5344CB8AC3E}">
        <p14:creationId xmlns:p14="http://schemas.microsoft.com/office/powerpoint/2010/main" val="58797802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77F42C0-735B-09BC-ECAB-E1BB652043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6743" y="416326"/>
            <a:ext cx="8521140" cy="364326"/>
          </a:xfrm>
        </p:spPr>
        <p:txBody>
          <a:bodyPr>
            <a:noAutofit/>
          </a:bodyPr>
          <a:lstStyle/>
          <a:p>
            <a:r>
              <a:rPr lang="nl-NL"/>
              <a:t>Periodieke processtappen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33E76F79-2F43-B601-F355-50507714636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6</a:t>
            </a:fld>
            <a:endParaRPr lang="en-GB"/>
          </a:p>
        </p:txBody>
      </p:sp>
      <p:pic>
        <p:nvPicPr>
          <p:cNvPr id="7" name="Afbeelding 6">
            <a:extLst>
              <a:ext uri="{FF2B5EF4-FFF2-40B4-BE49-F238E27FC236}">
                <a16:creationId xmlns:a16="http://schemas.microsoft.com/office/drawing/2014/main" id="{3BA16304-5645-641A-A7C6-19707094850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9958" y="1339631"/>
            <a:ext cx="8468306" cy="1112624"/>
          </a:xfrm>
          <a:prstGeom prst="rect">
            <a:avLst/>
          </a:prstGeom>
        </p:spPr>
      </p:pic>
      <p:sp>
        <p:nvSpPr>
          <p:cNvPr id="11" name="Tekstvak 10">
            <a:extLst>
              <a:ext uri="{FF2B5EF4-FFF2-40B4-BE49-F238E27FC236}">
                <a16:creationId xmlns:a16="http://schemas.microsoft.com/office/drawing/2014/main" id="{18818124-A9BF-FFBA-EFBF-36DB75B68053}"/>
              </a:ext>
            </a:extLst>
          </p:cNvPr>
          <p:cNvSpPr txBox="1"/>
          <p:nvPr/>
        </p:nvSpPr>
        <p:spPr>
          <a:xfrm>
            <a:off x="466743" y="1597674"/>
            <a:ext cx="8126878" cy="1560889"/>
          </a:xfrm>
          <a:prstGeom prst="rect">
            <a:avLst/>
          </a:prstGeom>
          <a:noFill/>
        </p:spPr>
        <p:txBody>
          <a:bodyPr wrap="square" rtlCol="0">
            <a:noAutofit/>
          </a:bodyPr>
          <a:lstStyle/>
          <a:p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350"/>
          </a:p>
          <a:p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350" b="1"/>
              <a:t>Kwalitatieve</a:t>
            </a:r>
            <a:r>
              <a:rPr lang="nl-NL" sz="1350"/>
              <a:t> en </a:t>
            </a:r>
            <a:r>
              <a:rPr lang="nl-NL" sz="1350" b="1"/>
              <a:t>kwantitatieve </a:t>
            </a:r>
            <a:r>
              <a:rPr lang="nl-NL" sz="1350"/>
              <a:t>data</a:t>
            </a:r>
            <a:r>
              <a:rPr lang="nl-NL" sz="1350" b="1"/>
              <a:t> </a:t>
            </a:r>
            <a:r>
              <a:rPr lang="nl-NL" sz="1350" b="1">
                <a:sym typeface="Wingdings" panose="05000000000000000000" pitchFamily="2" charset="2"/>
              </a:rPr>
              <a:t> </a:t>
            </a:r>
            <a:r>
              <a:rPr lang="nl-NL" sz="1350"/>
              <a:t>automatische risicoscores</a:t>
            </a:r>
          </a:p>
          <a:p>
            <a:endParaRPr lang="nl-NL" sz="135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l-NL" sz="1350"/>
              <a:t>I1: </a:t>
            </a:r>
            <a:r>
              <a:rPr lang="nl-NL" sz="1350" b="1"/>
              <a:t>iedere 3 jaar </a:t>
            </a:r>
            <a:r>
              <a:rPr lang="nl-NL" sz="1350"/>
              <a:t>een periodieke beoordeling </a:t>
            </a:r>
          </a:p>
        </p:txBody>
      </p:sp>
    </p:spTree>
    <p:extLst>
      <p:ext uri="{BB962C8B-B14F-4D97-AF65-F5344CB8AC3E}">
        <p14:creationId xmlns:p14="http://schemas.microsoft.com/office/powerpoint/2010/main" val="126854257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C870990D-5E1A-F55C-8D33-7D4905016E6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11348" y="435549"/>
            <a:ext cx="8513706" cy="364326"/>
          </a:xfrm>
        </p:spPr>
        <p:txBody>
          <a:bodyPr>
            <a:normAutofit/>
          </a:bodyPr>
          <a:lstStyle/>
          <a:p>
            <a:r>
              <a:rPr lang="nl-NL"/>
              <a:t>Periodieke Beoordeling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DF637283-A01A-F8DC-304D-6225CB91E12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7</a:t>
            </a:fld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C7E6EFB-AB1B-B1DB-60AC-B82E6969E91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6" y="1120140"/>
            <a:ext cx="8126877" cy="3258928"/>
          </a:xfrm>
        </p:spPr>
        <p:txBody>
          <a:bodyPr>
            <a:noAutofit/>
          </a:bodyPr>
          <a:lstStyle/>
          <a:p>
            <a:pPr marL="285750" lvl="1" indent="-285750">
              <a:spcBef>
                <a:spcPts val="0"/>
              </a:spcBef>
            </a:pPr>
            <a:endParaRPr lang="en-US" dirty="0"/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endParaRPr lang="en-US" dirty="0"/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en-US" dirty="0"/>
              <a:t>Start </a:t>
            </a:r>
            <a:r>
              <a:rPr lang="en-US" dirty="0" err="1"/>
              <a:t>juli</a:t>
            </a:r>
            <a:r>
              <a:rPr lang="en-US" dirty="0"/>
              <a:t> </a:t>
            </a:r>
          </a:p>
          <a:p>
            <a:pPr marL="285750" lvl="1" indent="-285750">
              <a:spcBef>
                <a:spcPts val="0"/>
              </a:spcBef>
            </a:pPr>
            <a:endParaRPr lang="en-US" dirty="0"/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nl-NL" dirty="0"/>
              <a:t>Beoordeling </a:t>
            </a:r>
            <a:r>
              <a:rPr lang="nl-NL" b="1" dirty="0"/>
              <a:t>Automatische scores </a:t>
            </a:r>
            <a:endParaRPr lang="en-US" b="1" dirty="0"/>
          </a:p>
          <a:p>
            <a:pPr marL="285750" lvl="1" indent="-285750">
              <a:spcBef>
                <a:spcPts val="0"/>
              </a:spcBef>
            </a:pPr>
            <a:endParaRPr lang="en-US" dirty="0"/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en-US" dirty="0" err="1"/>
              <a:t>Oordeel</a:t>
            </a:r>
            <a:r>
              <a:rPr lang="en-US" dirty="0"/>
              <a:t> </a:t>
            </a:r>
            <a:r>
              <a:rPr lang="en-US" dirty="0" err="1"/>
              <a:t>toezichtouder</a:t>
            </a:r>
            <a:r>
              <a:rPr lang="en-US" dirty="0"/>
              <a:t>: </a:t>
            </a:r>
            <a:r>
              <a:rPr lang="en-US" dirty="0" err="1"/>
              <a:t>kan</a:t>
            </a:r>
            <a:r>
              <a:rPr lang="en-US" dirty="0"/>
              <a:t> </a:t>
            </a:r>
            <a:r>
              <a:rPr lang="en-US" dirty="0" err="1"/>
              <a:t>onderbouwd</a:t>
            </a:r>
            <a:r>
              <a:rPr lang="en-US" dirty="0"/>
              <a:t> </a:t>
            </a:r>
            <a:r>
              <a:rPr lang="en-US" b="1" dirty="0" err="1"/>
              <a:t>afwijken</a:t>
            </a:r>
            <a:endParaRPr lang="en-US" b="1" dirty="0"/>
          </a:p>
          <a:p>
            <a:pPr marL="285750" lvl="1" indent="-285750">
              <a:spcBef>
                <a:spcPts val="0"/>
              </a:spcBef>
            </a:pPr>
            <a:endParaRPr lang="en-US" dirty="0"/>
          </a:p>
          <a:p>
            <a:pPr marL="285750" lvl="1" indent="-285750">
              <a:spcBef>
                <a:spcPts val="0"/>
              </a:spcBef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6614623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C870990D-5E1A-F55C-8D33-7D4905016E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Risicoprofiel en terugkoppeling 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DF637283-A01A-F8DC-304D-6225CB91E12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8</a:t>
            </a:fld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C7E6EFB-AB1B-B1DB-60AC-B82E6969E915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7" y="1120140"/>
            <a:ext cx="8023054" cy="3258928"/>
          </a:xfrm>
        </p:spPr>
        <p:txBody>
          <a:bodyPr>
            <a:noAutofit/>
          </a:bodyPr>
          <a:lstStyle/>
          <a:p>
            <a:pPr marL="285750" lvl="1" indent="-285750">
              <a:buFont typeface="Arial" panose="020B0604020202020204" pitchFamily="34" charset="0"/>
              <a:buChar char="•"/>
            </a:pPr>
            <a:r>
              <a:rPr lang="nl-NL" dirty="0">
                <a:ea typeface="Verdana"/>
              </a:rPr>
              <a:t>Interne </a:t>
            </a:r>
            <a:r>
              <a:rPr lang="nl-NL" b="1" dirty="0">
                <a:ea typeface="Verdana"/>
              </a:rPr>
              <a:t>panelsessie</a:t>
            </a:r>
            <a:r>
              <a:rPr lang="nl-NL" dirty="0">
                <a:ea typeface="Verdana"/>
              </a:rPr>
              <a:t>.</a:t>
            </a:r>
          </a:p>
          <a:p>
            <a:pPr marL="285750" lvl="1" indent="-285750">
              <a:spcBef>
                <a:spcPts val="0"/>
              </a:spcBef>
            </a:pPr>
            <a:endParaRPr lang="en-US" dirty="0"/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en-US" b="1" dirty="0"/>
              <a:t>Challenge</a:t>
            </a:r>
            <a:r>
              <a:rPr lang="en-US" dirty="0"/>
              <a:t> </a:t>
            </a:r>
            <a:r>
              <a:rPr lang="en-US" dirty="0" err="1"/>
              <a:t>specialisten</a:t>
            </a:r>
            <a:r>
              <a:rPr lang="en-US" dirty="0"/>
              <a:t> DNB </a:t>
            </a:r>
            <a:r>
              <a:rPr lang="en-US" dirty="0" err="1"/>
              <a:t>expertisecentra</a:t>
            </a:r>
            <a:r>
              <a:rPr lang="en-US" dirty="0"/>
              <a:t> </a:t>
            </a:r>
            <a:endParaRPr lang="nl-NL" dirty="0">
              <a:ea typeface="Verdana"/>
            </a:endParaRPr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endParaRPr lang="nl-NL" dirty="0">
              <a:ea typeface="Verdana"/>
            </a:endParaRPr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nl-NL" dirty="0">
                <a:ea typeface="Verdana"/>
              </a:rPr>
              <a:t>Eindproduct: </a:t>
            </a:r>
            <a:r>
              <a:rPr lang="nl-NL" b="1" dirty="0">
                <a:ea typeface="Verdana"/>
              </a:rPr>
              <a:t>definitieve risicoprofiel </a:t>
            </a:r>
            <a:r>
              <a:rPr lang="nl-NL" dirty="0">
                <a:ea typeface="Verdana"/>
              </a:rPr>
              <a:t>van uw instelling</a:t>
            </a:r>
          </a:p>
          <a:p>
            <a:pPr lvl="1" indent="0">
              <a:spcBef>
                <a:spcPts val="0"/>
              </a:spcBef>
              <a:buNone/>
            </a:pPr>
            <a:endParaRPr lang="en-US" dirty="0">
              <a:ea typeface="Verdana"/>
            </a:endParaRPr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nl-NL" dirty="0">
                <a:ea typeface="Verdana"/>
              </a:rPr>
              <a:t>Verhoogd risicoprofiel </a:t>
            </a:r>
            <a:r>
              <a:rPr lang="nl-NL" dirty="0">
                <a:ea typeface="Verdana"/>
                <a:sym typeface="Wingdings" panose="05000000000000000000" pitchFamily="2" charset="2"/>
              </a:rPr>
              <a:t> </a:t>
            </a:r>
            <a:r>
              <a:rPr lang="nl-NL" b="1" dirty="0" err="1">
                <a:ea typeface="Verdana"/>
              </a:rPr>
              <a:t>risicogebaseerd</a:t>
            </a:r>
            <a:r>
              <a:rPr lang="nl-NL" b="1" dirty="0">
                <a:ea typeface="Verdana"/>
              </a:rPr>
              <a:t> programma</a:t>
            </a:r>
            <a:r>
              <a:rPr lang="nl-NL" dirty="0">
                <a:ea typeface="Verdana"/>
              </a:rPr>
              <a:t> (gesprek/mitigatieplan/brief) </a:t>
            </a:r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endParaRPr lang="nl-NL" dirty="0">
              <a:ea typeface="Verdana"/>
            </a:endParaRPr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nl-NL" b="1" dirty="0">
                <a:ea typeface="Verdana"/>
              </a:rPr>
              <a:t>Toezichtkalender</a:t>
            </a:r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endParaRPr lang="nl-NL" dirty="0">
              <a:ea typeface="Verdana"/>
            </a:endParaRPr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r>
              <a:rPr lang="nl-NL" dirty="0">
                <a:ea typeface="Verdana"/>
              </a:rPr>
              <a:t>Een </a:t>
            </a:r>
            <a:r>
              <a:rPr lang="nl-NL" b="1" dirty="0">
                <a:ea typeface="Verdana"/>
              </a:rPr>
              <a:t>individuele </a:t>
            </a:r>
            <a:r>
              <a:rPr lang="nl-NL" dirty="0">
                <a:ea typeface="Verdana"/>
              </a:rPr>
              <a:t>terugkoppeling van het risicoprofiel in Q4 (iedere 3 jaar vanaf nu)</a:t>
            </a:r>
          </a:p>
          <a:p>
            <a:pPr marL="285750" lvl="1" indent="-285750">
              <a:spcBef>
                <a:spcPts val="0"/>
              </a:spcBef>
              <a:buFont typeface="Arial" panose="020B0604020202020204" pitchFamily="34" charset="0"/>
              <a:buChar char="•"/>
            </a:pPr>
            <a:endParaRPr lang="nl-NL" dirty="0">
              <a:ea typeface="Verdana"/>
            </a:endParaRPr>
          </a:p>
          <a:p>
            <a:pPr lvl="1" indent="0">
              <a:buNone/>
            </a:pP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9225534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9E17504-4F66-AA4F-0C6E-1854653BC4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Heeft u vragen?</a:t>
            </a:r>
            <a:endParaRPr lang="en-NL"/>
          </a:p>
        </p:txBody>
      </p:sp>
      <p:sp>
        <p:nvSpPr>
          <p:cNvPr id="3" name="Tijdelijke aanduiding voor dianummer 2">
            <a:extLst>
              <a:ext uri="{FF2B5EF4-FFF2-40B4-BE49-F238E27FC236}">
                <a16:creationId xmlns:a16="http://schemas.microsoft.com/office/drawing/2014/main" id="{A4E039D0-34D5-D6D3-A425-093CDEACD017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57ACD69-77E0-4B27-BE9A-0E1A45A60CED}" type="slidenum">
              <a:rPr lang="en-US" smtClean="0"/>
              <a:pPr/>
              <a:t>9</a:t>
            </a:fld>
            <a:endParaRPr lang="en-GB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3779D7D4-9605-102A-7F55-0D5095B04B38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511346" y="1201712"/>
            <a:ext cx="3797364" cy="3258928"/>
          </a:xfrm>
        </p:spPr>
        <p:txBody>
          <a:bodyPr/>
          <a:lstStyle/>
          <a:p>
            <a:pPr algn="ctr"/>
            <a:r>
              <a:rPr lang="nl-NL"/>
              <a:t>Bedankt voor uw aandacht! </a:t>
            </a:r>
            <a:endParaRPr lang="en-NL"/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20CF5C76-4E0C-D8CC-F43C-DDADEE51FCB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79992" y="1501140"/>
            <a:ext cx="2660073" cy="266007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4124128851"/>
      </p:ext>
    </p:extLst>
  </p:cSld>
  <p:clrMapOvr>
    <a:masterClrMapping/>
  </p:clrMapOvr>
</p:sld>
</file>

<file path=ppt/theme/theme1.xml><?xml version="1.0" encoding="utf-8"?>
<a:theme xmlns:a="http://schemas.openxmlformats.org/drawingml/2006/main" name="De Nederlandsche Bank (2023)">
  <a:themeElements>
    <a:clrScheme name="De Nederlandsche Bank (2023)">
      <a:dk1>
        <a:sysClr val="windowText" lastClr="000000"/>
      </a:dk1>
      <a:lt1>
        <a:sysClr val="window" lastClr="FFFFFF"/>
      </a:lt1>
      <a:dk2>
        <a:srgbClr val="A4A6B2"/>
      </a:dk2>
      <a:lt2>
        <a:srgbClr val="FAFAFC"/>
      </a:lt2>
      <a:accent1>
        <a:srgbClr val="1226AA"/>
      </a:accent1>
      <a:accent2>
        <a:srgbClr val="3B54F5"/>
      </a:accent2>
      <a:accent3>
        <a:srgbClr val="FAAA00"/>
      </a:accent3>
      <a:accent4>
        <a:srgbClr val="FCC859"/>
      </a:accent4>
      <a:accent5>
        <a:srgbClr val="0C8754"/>
      </a:accent5>
      <a:accent6>
        <a:srgbClr val="4AD480"/>
      </a:accent6>
      <a:hlink>
        <a:srgbClr val="3B54F5"/>
      </a:hlink>
      <a:folHlink>
        <a:srgbClr val="73C2FA"/>
      </a:folHlink>
    </a:clrScheme>
    <a:fontScheme name="DNB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Kantoorthema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DNB-Standaard_Presentatie.potx" id="{3D8167A5-888E-4A95-B8C5-5CB723F715B6}" vid="{5E4DA577-467E-4056-BD5F-387FCD8B9AEF}"/>
    </a:ext>
  </a:extLst>
</a:theme>
</file>

<file path=ppt/theme/theme2.xml><?xml version="1.0" encoding="utf-8"?>
<a:theme xmlns:a="http://schemas.openxmlformats.org/drawingml/2006/main" name="1_De Nederlandsche Bank (2023)">
  <a:themeElements>
    <a:clrScheme name="De Nederlandsche Bank (2023)">
      <a:dk1>
        <a:sysClr val="windowText" lastClr="000000"/>
      </a:dk1>
      <a:lt1>
        <a:sysClr val="window" lastClr="FFFFFF"/>
      </a:lt1>
      <a:dk2>
        <a:srgbClr val="A4A6B2"/>
      </a:dk2>
      <a:lt2>
        <a:srgbClr val="FAFAFC"/>
      </a:lt2>
      <a:accent1>
        <a:srgbClr val="1226AA"/>
      </a:accent1>
      <a:accent2>
        <a:srgbClr val="3B54F5"/>
      </a:accent2>
      <a:accent3>
        <a:srgbClr val="FAAA00"/>
      </a:accent3>
      <a:accent4>
        <a:srgbClr val="FCC859"/>
      </a:accent4>
      <a:accent5>
        <a:srgbClr val="0C8754"/>
      </a:accent5>
      <a:accent6>
        <a:srgbClr val="4AD480"/>
      </a:accent6>
      <a:hlink>
        <a:srgbClr val="3B54F5"/>
      </a:hlink>
      <a:folHlink>
        <a:srgbClr val="73C2FA"/>
      </a:folHlink>
    </a:clrScheme>
    <a:fontScheme name="DNB">
      <a:majorFont>
        <a:latin typeface="Verdana"/>
        <a:ea typeface=""/>
        <a:cs typeface=""/>
      </a:majorFont>
      <a:minorFont>
        <a:latin typeface="Verdana"/>
        <a:ea typeface=""/>
        <a:cs typeface=""/>
      </a:minorFont>
    </a:fontScheme>
    <a:fmtScheme name="Kantoorthema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DNB-Standaard_Presentatie.potx" id="{3D8167A5-888E-4A95-B8C5-5CB723F715B6}" vid="{5E4DA577-467E-4056-BD5F-387FCD8B9AEF}"/>
    </a:ext>
  </a:extLst>
</a:theme>
</file>

<file path=ppt/theme/theme3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423792808766249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8423792808726123","enableDocumentContentUpdater":false,"version":"2.0"}]]></TemplafySlideTemplateConfiguration>
</file>

<file path=customXml/item13.xml><?xml version="1.0" encoding="utf-8"?>
<TemplafySlideTemplateConfiguration><![CDATA[{"slideVersion":1,"isValidatorEnabled":false,"isLocked":false,"elementsMetadata":[],"slideId":"638423792808766249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1,"isValidatorEnabled":false,"isLocked":false,"elementsMetadata":[],"slideId":"638423792808726123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8423792808821363","enableDocumentContentUpdater":false,"version":"2.0"}]]></TemplafySlideTemplateConfiguration>
</file>

<file path=customXml/item19.xml><?xml version="1.0" encoding="utf-8"?>
<TemplafyFormConfiguration><![CDATA[{"formFields":[{"required":false,"placeholder":"","lines":1,"defaultValue":"{{UserProfile.FullName}}","helpTexts":{},"spacing":{},"shareValue":false,"type":"textBox","name":"NaamPresentatorEnOfInhoudelijkverantwoordelijke","label":"Naam Presentator en/of inhoudelijkverantwoordelijke"},{"required":false,"helpTexts":{},"spacing":{},"shareValue":false,"type":"datePicker","name":"Datum","label":"Datum"}],"formDataEntries":[{"name":"NaamPresentatorEnOfInhoudelijkverantwoordelijke","value":"fmqYxgzVnnR6oZVKmZo39Q=="},{"name":"Datum","value":"fmqYxgzVnnR6oZVKmZo39Q=="}]}]]></TemplafyFormConfiguration>
</file>

<file path=customXml/item2.xml><?xml version="1.0" encoding="utf-8"?>
<TemplafySlideFormConfiguration><![CDATA[{"formFields":[{"required":false,"placeholder":"","lines":1,"defaultValue":"{{UserProfile.FullName}}","helpTexts":{},"spacing":{},"shareValue":false,"type":"textBox","name":"NaamPresentatorEnOfInhoudelijkverantwoordelijke","label":"Naam Presentator en/of inhoudelijkverantwoordelijke"},{"required":false,"helpTexts":{},"spacing":{},"shareValue":false,"type":"datePicker","name":"Datum","label":"Datum"}],"formDataEntries":[]}]]></TemplafySlideFormConfiguration>
</file>

<file path=customXml/item2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1.xml><?xml version="1.0" encoding="utf-8"?>
<TemplafySlideTemplateConfiguration><![CDATA[{"slideVersion":1,"isValidatorEnabled":false,"isLocked":false,"elementsMetadata":[],"slideId":"638423792808726123","enableDocumentContentUpdater":false,"version":"2.0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8107512941624005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],"slideId":"638423792808726123","enableDocumentContentUpdater":false,"version":"2.0"}]]></TemplafySlideTemplateConfiguration>
</file>

<file path=customXml/item26.xml><?xml version="1.0" encoding="utf-8"?>
<TemplafySlideTemplateConfiguration><![CDATA[{"slideVersion":1,"isValidatorEnabled":false,"isLocked":false,"elementsMetadata":[],"slideId":"638423792808726123","enableDocumentContentUpdater":false,"version":"2.0"}]]></TemplafySlideTemplateConfiguration>
</file>

<file path=customXml/item3.xml><?xml version="1.0" encoding="utf-8"?>
<TemplafyTemplateConfiguration><![CDATA[{"elementsMetadata":[{"type":"shape","id":"716df3f6-2324-4c6a-aa95-612ad364cc7e","elementConfiguration":{"binding":"{{FormatDateTime(Form.Datum, \"d MMMM yyyy\", \"nl-NL\")}}","visibility":"","type":"text","disableUpdates":false}},{"type":"shape","id":"9dff6cbf-39cf-4384-ab85-5fca64d7df69","elementConfiguration":{"binding":"{{Form.NaamPresentatorEnOfInhoudelijkverantwoordelijke}}","visibility":"","type":"text","disableUpdates":false}},{"type":"shape","id":"cfeee182-eb67-4221-b7d2-a75c0a92f2ef","elementConfiguration":{"binding":"{{FormatDateTime(Form.Datum, \"d MMMM yyyy\", \"nl-NL\")}}","visibility":"","type":"text","disableUpdates":false}},{"type":"shape","id":"d1978848-aeaa-41ba-9e38-9fc304ae0376","elementConfiguration":{"binding":"{{Form.NaamPresentatorEnOfInhoudelijkverantwoordelijke}}","visibility":"","type":"text","disableUpdates":false}},{"type":"shape","id":"c9522b7f-f2bb-42c7-ba6c-49d52af664a9","elementConfiguration":{"binding":"{{FormatDateTime(Form.Datum, \"d MMMM yyyy\", \"nl-NL\")}}","visibility":"","type":"text","disableUpdates":false}},{"type":"shape","id":"ee1b1838-e278-4adb-878b-b0f65867026b","elementConfiguration":{"binding":"{{Form.NaamPresentatorEnOfInhoudelijkverantwoordelijke}}","visibility":"","type":"text","disableUpdates":false}},{"type":"shape","id":"4e3c474a-a343-4d14-bd8e-73665ef1cbd2","elementConfiguration":{"binding":"{{FormatDateTime(Form.Datum, \"d MMMM yyyy\", \"nl-NL\")}}","visibility":"","type":"text","disableUpdates":false}},{"type":"shape","id":"8f9283b8-fee4-4a93-8b1e-933f9cdeb0fa","elementConfiguration":{"binding":"{{FormatDateTime(Form.Datum, \"d MMMM yyyy\", \"nl-NL\")}}","visibility":"","type":"text","disableUpdates":false}}],"transformationConfigurations":[],"templateName":"Leeg DNB-sjabloon","templateDescription":"","enableDocumentContentUpdater":fals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34370f87-05a4-4102-9f70-428f781a41fa">
      <Value>8</Value>
      <Value>2</Value>
      <Value>1</Value>
    </TaxCatchAll>
    <DNB_EmTo xmlns="34370f87-05a4-4102-9f70-428f781a41fa" xsi:nil="true"/>
    <m2811a07b6c6fd47188d63596ada41d4 xmlns="34370f87-05a4-4102-9f70-428f781a41fa">
      <Terms xmlns="http://schemas.microsoft.com/office/infopath/2007/PartnerControls">
        <TermInfo xmlns="http://schemas.microsoft.com/office/infopath/2007/PartnerControls">
          <TermName xmlns="http://schemas.microsoft.com/office/infopath/2007/PartnerControls">Schade- ＆ Zorgverzekeraars</TermName>
          <TermId xmlns="http://schemas.microsoft.com/office/infopath/2007/PartnerControls">56fb901f-f7cd-4d7e-a50f-ab356204c288</TermId>
        </TermInfo>
      </Terms>
    </m2811a07b6c6fd47188d63596ada41d4>
    <DNB_EmAttachmentNames xmlns="34370f87-05a4-4102-9f70-428f781a41fa" xsi:nil="true"/>
    <DNB_Publiceren xmlns="34370f87-05a4-4102-9f70-428f781a41fa">false</DNB_Publiceren>
    <DNB_AuteurFix xmlns="34370f87-05a4-4102-9f70-428f781a41fa">
      <UserInfo>
        <DisplayName/>
        <AccountId xsi:nil="true"/>
        <AccountType/>
      </UserInfo>
    </DNB_AuteurFix>
    <DNB_Distributie xmlns="34370f87-05a4-4102-9f70-428f781a41fa">false</DNB_Distributie>
    <DNB_Kennisdocument xmlns="34370f87-05a4-4102-9f70-428f781a41fa" xsi:nil="true"/>
    <f416c62b8084a6924c1caabc0cb60db6 xmlns="34370f87-05a4-4102-9f70-428f781a41fa">
      <Terms xmlns="http://schemas.microsoft.com/office/infopath/2007/PartnerControls">
        <TermInfo xmlns="http://schemas.microsoft.com/office/infopath/2007/PartnerControls">
          <TermName xmlns="http://schemas.microsoft.com/office/infopath/2007/PartnerControls">Toezicht Verzekeraars</TermName>
          <TermId xmlns="http://schemas.microsoft.com/office/infopath/2007/PartnerControls">ce62d30e-8253-404d-8999-47fc7e33d04f</TermId>
        </TermInfo>
      </Terms>
    </f416c62b8084a6924c1caabc0cb60db6>
    <DNB_Sjabloon xmlns="34370f87-05a4-4102-9f70-428f781a41fa" xsi:nil="true"/>
    <DNB_CCOntvanger xmlns="34370f87-05a4-4102-9f70-428f781a41fa">
      <UserInfo>
        <DisplayName/>
        <AccountId xsi:nil="true"/>
        <AccountType/>
      </UserInfo>
    </DNB_CCOntvanger>
    <DNB_Opmerkingen xmlns="34370f87-05a4-4102-9f70-428f781a41fa" xsi:nil="true"/>
    <ca76e055336b7ee42a6d4a27ac9e6458 xmlns="34370f87-05a4-4102-9f70-428f781a41fa">
      <Terms xmlns="http://schemas.microsoft.com/office/infopath/2007/PartnerControls">
        <TermInfo xmlns="http://schemas.microsoft.com/office/infopath/2007/PartnerControls">
          <TermName xmlns="http://schemas.microsoft.com/office/infopath/2007/PartnerControls">Presentaties</TermName>
          <TermId xmlns="http://schemas.microsoft.com/office/infopath/2007/PartnerControls">77d66c08-a31e-40e9-8e73-5be610b8c48d</TermId>
        </TermInfo>
      </Terms>
    </ca76e055336b7ee42a6d4a27ac9e6458>
    <DNB_Ontvanger xmlns="34370f87-05a4-4102-9f70-428f781a41fa">
      <UserInfo>
        <DisplayName/>
        <AccountId xsi:nil="true"/>
        <AccountType/>
      </UserInfo>
    </DNB_Ontvanger>
    <DNB_EmFromName xmlns="34370f87-05a4-4102-9f70-428f781a41fa" xsi:nil="true"/>
    <DNB_EmDate xmlns="34370f87-05a4-4102-9f70-428f781a41fa" xsi:nil="true"/>
    <DNB_EmAttachCount xmlns="34370f87-05a4-4102-9f70-428f781a41fa" xsi:nil="true"/>
    <DNB_EmCC xmlns="34370f87-05a4-4102-9f70-428f781a41fa" xsi:nil="true"/>
    <_dlc_DocId xmlns="http://schemas.dnb.nl/sharepoint">TM000343-980946881-246</_dlc_DocId>
    <_dlc_DocIdUrl xmlns="http://schemas.dnb.nl/sharepoint">
      <Url>https://dnbnl.sharepoint.com/sites/TM-SchadeZorgVerzekeraars/_layouts/15/DocIdRedir.aspx?ID=TM000343-980946881-246</Url>
      <Description>TM000343-980946881-246</Description>
    </_dlc_DocIdUrl>
  </documentManagement>
</p:properties>
</file>

<file path=customXml/item5.xml><?xml version="1.0" encoding="utf-8"?>
<?mso-contentType ?>
<spe:Receivers xmlns:spe="http://schemas.microsoft.com/sharepoint/events">
  <Receiver>
    <Name>Document ID Generator</Name>
    <Synchronization>Synchronous</Synchronization>
    <Type>10001</Type>
    <SequenceNumber>1000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2</Type>
    <SequenceNumber>1001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4</Type>
    <SequenceNumber>1002</SequenceNumber>
    <Url/>
    <Assembly>Microsoft.Office.DocumentManagement, Version=16.0.0.0, Culture=neutral, PublicKeyToken=71e9bce111e9429c</Assembly>
    <Class>Microsoft.Office.DocumentManagement.Internal.DocIdHandler</Class>
    <Data/>
    <Filter/>
  </Receiver>
  <Receiver>
    <Name>Document ID Generator</Name>
    <Synchronization>Synchronous</Synchronization>
    <Type>10006</Type>
    <SequenceNumber>1003</SequenceNumber>
    <Url/>
    <Assembly>Microsoft.Office.DocumentManagement, Version=16.0.0.0, Culture=neutral, PublicKeyToken=71e9bce111e9429c</Assembly>
    <Class>Microsoft.Office.DocumentManagement.Internal.DocIdHandler</Class>
    <Data/>
    <Filter/>
  </Receiver>
</spe:Receiver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NB Afdelingsdocument" ma:contentTypeID="0x0101001A9AF98CE4D646E7BAD5E0A615FBC45700B254FF2429054763AE53C57F56CB1198001CC72D5D08436F499B7A77C9B3363962" ma:contentTypeVersion="11" ma:contentTypeDescription="Afdelingsdocument content type" ma:contentTypeScope="" ma:versionID="32bd97f1d2629b9d0c101ccbbc108b1d">
  <xsd:schema xmlns:xsd="http://www.w3.org/2001/XMLSchema" xmlns:xs="http://www.w3.org/2001/XMLSchema" xmlns:p="http://schemas.microsoft.com/office/2006/metadata/properties" xmlns:ns2="http://schemas.dnb.nl/sharepoint" xmlns:ns3="34370f87-05a4-4102-9f70-428f781a41fa" xmlns:ns4="ac606f42-34b8-45ac-8568-b0a119c4b2d9" targetNamespace="http://schemas.microsoft.com/office/2006/metadata/properties" ma:root="true" ma:fieldsID="b12109c04e0fa9a9c808c8fd02788a3e" ns2:_="" ns3:_="" ns4:_="">
    <xsd:import namespace="http://schemas.dnb.nl/sharepoint"/>
    <xsd:import namespace="34370f87-05a4-4102-9f70-428f781a41fa"/>
    <xsd:import namespace="ac606f42-34b8-45ac-8568-b0a119c4b2d9"/>
    <xsd:element name="properties">
      <xsd:complexType>
        <xsd:sequence>
          <xsd:element name="documentManagement">
            <xsd:complexType>
              <xsd:all>
                <xsd:element ref="ns2:_dlc_DocId" minOccurs="0"/>
                <xsd:element ref="ns2:_dlc_DocIdUrl" minOccurs="0"/>
                <xsd:element ref="ns3:_dlc_DocIdPersistId" minOccurs="0"/>
                <xsd:element ref="ns3:DNB_AuteurFix" minOccurs="0"/>
                <xsd:element ref="ns3:DNB_Ontvanger" minOccurs="0"/>
                <xsd:element ref="ns3:DNB_CCOntvanger" minOccurs="0"/>
                <xsd:element ref="ns3:DNB_Opmerkingen" minOccurs="0"/>
                <xsd:element ref="ns3:DNB_Sjabloon" minOccurs="0"/>
                <xsd:element ref="ns3:DNB_EmTo" minOccurs="0"/>
                <xsd:element ref="ns3:DNB_EmFromName" minOccurs="0"/>
                <xsd:element ref="ns3:DNB_EmCC" minOccurs="0"/>
                <xsd:element ref="ns3:DNB_EmDate" minOccurs="0"/>
                <xsd:element ref="ns3:DNB_EmAttachCount" minOccurs="0"/>
                <xsd:element ref="ns3:DNB_EmAttachmentNames" minOccurs="0"/>
                <xsd:element ref="ns3:DNB_Distributie" minOccurs="0"/>
                <xsd:element ref="ns3:DNB_Publiceren" minOccurs="0"/>
                <xsd:element ref="ns3:DNB_Kennisdocument" minOccurs="0"/>
                <xsd:element ref="ns3:m2811a07b6c6fd47188d63596ada41d4" minOccurs="0"/>
                <xsd:element ref="ns3:ca76e055336b7ee42a6d4a27ac9e6458" minOccurs="0"/>
                <xsd:element ref="ns3:TaxCatchAll" minOccurs="0"/>
                <xsd:element ref="ns3:TaxCatchAllLabel" minOccurs="0"/>
                <xsd:element ref="ns3:f416c62b8084a6924c1caabc0cb60db6" minOccurs="0"/>
                <xsd:element ref="ns4:MediaServiceMetadata" minOccurs="0"/>
                <xsd:element ref="ns4:MediaServiceFastMetadata" minOccurs="0"/>
                <xsd:element ref="ns3:SharedWithUsers" minOccurs="0"/>
                <xsd:element ref="ns3:SharedWithDetails" minOccurs="0"/>
                <xsd:element ref="ns4:MediaServiceObjectDetectorVersions" minOccurs="0"/>
                <xsd:element ref="ns4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dnb.nl/sharepoint" elementFormDefault="qualified">
    <xsd:import namespace="http://schemas.microsoft.com/office/2006/documentManagement/types"/>
    <xsd:import namespace="http://schemas.microsoft.com/office/infopath/2007/PartnerControls"/>
    <xsd:element name="_dlc_DocId" ma:index="8" nillable="true" ma:displayName="Document ID Value" ma:description="The value of the document ID assigned to this item." ma:indexed="true" ma:internalName="_dlc_DocId" ma:readOnly="true">
      <xsd:simpleType>
        <xsd:restriction base="dms:Text"/>
      </xsd:simpleType>
    </xsd:element>
    <xsd:element name="_dlc_DocIdUrl" ma:index="9" nillable="true" ma:displayName="Document ID" ma:description="Permanent link to this document." ma:hidden="true" ma:internalName="_dlc_DocIdUrl" ma:readOnly="tru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4370f87-05a4-4102-9f70-428f781a41fa" elementFormDefault="qualified">
    <xsd:import namespace="http://schemas.microsoft.com/office/2006/documentManagement/types"/>
    <xsd:import namespace="http://schemas.microsoft.com/office/infopath/2007/PartnerControls"/>
    <xsd:element name="_dlc_DocIdPersistId" ma:index="10" nillable="true" ma:displayName="Persist ID" ma:description="Keep ID on add." ma:hidden="true" ma:internalName="_dlc_DocIdPersistId" ma:readOnly="true">
      <xsd:simpleType>
        <xsd:restriction base="dms:Boolean"/>
      </xsd:simpleType>
    </xsd:element>
    <xsd:element name="DNB_AuteurFix" ma:index="14" nillable="true" ma:displayName="Author" ma:SearchPeopleOnly="false" ma:internalName="DNB_AuteurFix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ntvanger" ma:index="15" nillable="true" ma:displayName="Recipient" ma:SearchPeopleOnly="false" ma:internalName="DNB_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CCOntvanger" ma:index="16" nillable="true" ma:displayName="CC Recipient" ma:SearchPeopleOnly="false" ma:internalName="DNB_CCOntvanger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DNB_Opmerkingen" ma:index="17" nillable="true" ma:displayName="Remarks" ma:hidden="true" ma:internalName="DNB_Opmerkingen">
      <xsd:simpleType>
        <xsd:restriction base="dms:Note"/>
      </xsd:simpleType>
    </xsd:element>
    <xsd:element name="DNB_Sjabloon" ma:index="18" nillable="true" ma:displayName="Sjabloon" ma:hidden="true" ma:internalName="DNB_Sjabloon">
      <xsd:simpleType>
        <xsd:restriction base="dms:Text"/>
      </xsd:simpleType>
    </xsd:element>
    <xsd:element name="DNB_EmTo" ma:index="19" nillable="true" ma:displayName="E-mail To" ma:hidden="true" ma:internalName="DNB_EmTo">
      <xsd:simpleType>
        <xsd:restriction base="dms:Note">
          <xsd:maxLength value="255"/>
        </xsd:restriction>
      </xsd:simpleType>
    </xsd:element>
    <xsd:element name="DNB_EmFromName" ma:index="20" nillable="true" ma:displayName="E-mail From Name" ma:hidden="true" ma:internalName="DNB_EmFromName">
      <xsd:simpleType>
        <xsd:restriction base="dms:Text"/>
      </xsd:simpleType>
    </xsd:element>
    <xsd:element name="DNB_EmCC" ma:index="21" nillable="true" ma:displayName="E-mail CC" ma:hidden="true" ma:internalName="DNB_EmCC">
      <xsd:simpleType>
        <xsd:restriction base="dms:Note">
          <xsd:maxLength value="255"/>
        </xsd:restriction>
      </xsd:simpleType>
    </xsd:element>
    <xsd:element name="DNB_EmDate" ma:index="22" nillable="true" ma:displayName="E-mail Date" ma:hidden="true" ma:internalName="DNB_EmDate">
      <xsd:simpleType>
        <xsd:restriction base="dms:DateTime"/>
      </xsd:simpleType>
    </xsd:element>
    <xsd:element name="DNB_EmAttachCount" ma:index="23" nillable="true" ma:displayName="E-mail Attachment Count" ma:hidden="true" ma:internalName="DNB_EmAttachCount">
      <xsd:simpleType>
        <xsd:restriction base="dms:Text"/>
      </xsd:simpleType>
    </xsd:element>
    <xsd:element name="DNB_EmAttachmentNames" ma:index="24" nillable="true" ma:displayName="E-mail Attachment Names" ma:hidden="true" ma:internalName="DNB_EmAttachmentNames">
      <xsd:simpleType>
        <xsd:restriction base="dms:Note">
          <xsd:maxLength value="255"/>
        </xsd:restriction>
      </xsd:simpleType>
    </xsd:element>
    <xsd:element name="DNB_Distributie" ma:index="25" nillable="true" ma:displayName="Distributie" ma:default="False" ma:internalName="DNB_Distributie">
      <xsd:simpleType>
        <xsd:restriction base="dms:Boolean"/>
      </xsd:simpleType>
    </xsd:element>
    <xsd:element name="DNB_Publiceren" ma:index="26" nillable="true" ma:displayName="Publish" ma:default="False" ma:internalName="DNB_Publiceren">
      <xsd:simpleType>
        <xsd:restriction base="dms:Boolean"/>
      </xsd:simpleType>
    </xsd:element>
    <xsd:element name="DNB_Kennisdocument" ma:index="27" nillable="true" ma:displayName="Knowledge document" ma:internalName="DNB_Kennisdocument">
      <xsd:simpleType>
        <xsd:restriction base="dms:Boolean"/>
      </xsd:simpleType>
    </xsd:element>
    <xsd:element name="m2811a07b6c6fd47188d63596ada41d4" ma:index="28" nillable="true" ma:taxonomy="true" ma:internalName="m2811a07b6c6fd47188d63596ada41d4" ma:taxonomyFieldName="DNB_Afdeling" ma:displayName="Department" ma:default="1;#Schade- ＆ Zorgverzekeraars|56fb901f-f7cd-4d7e-a50f-ab356204c288" ma:fieldId="{62811a07-b6c6-fd47-188d-63596ada41d4}" ma:sspId="b8135cd8-dd77-44d6-bdcc-adbf336672a2" ma:termSetId="f1bb8585-b79d-427a-822a-3c18649c7534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ca76e055336b7ee42a6d4a27ac9e6458" ma:index="29" ma:taxonomy="true" ma:internalName="ca76e055336b7ee42a6d4a27ac9e6458" ma:taxonomyFieldName="DNB_Afdelingslabel" ma:displayName="DNB Label" ma:fieldId="{ca76e055-336b-7ee4-2a6d-4a27ac9e6458}" ma:taxonomyMulti="true" ma:sspId="b8135cd8-dd77-44d6-bdcc-adbf336672a2" ma:termSetId="97676bd9-cfb3-44b4-bb56-9857628d3d48" ma:anchorId="00000000-0000-0000-0000-000000000000" ma:open="false" ma:isKeyword="false">
      <xsd:complexType>
        <xsd:sequence>
          <xsd:element ref="pc:Terms" minOccurs="0" maxOccurs="1"/>
        </xsd:sequence>
      </xsd:complexType>
    </xsd:element>
    <xsd:element name="TaxCatchAll" ma:index="30" nillable="true" ma:displayName="Taxonomy Catch All Column" ma:hidden="true" ma:list="{8a79080b-c2c3-4b53-bdfd-e438c67c7fdd}" ma:internalName="TaxCatchAll" ma:showField="CatchAllData" ma:web="34370f87-05a4-4102-9f70-428f781a41f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TaxCatchAllLabel" ma:index="31" nillable="true" ma:displayName="Taxonomy Catch All Column1" ma:hidden="true" ma:list="{8a79080b-c2c3-4b53-bdfd-e438c67c7fdd}" ma:internalName="TaxCatchAllLabel" ma:readOnly="true" ma:showField="CatchAllDataLabel" ma:web="34370f87-05a4-4102-9f70-428f781a41f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f416c62b8084a6924c1caabc0cb60db6" ma:index="32" nillable="true" ma:taxonomy="true" ma:internalName="f416c62b8084a6924c1caabc0cb60db6" ma:taxonomyFieldName="DNB_Divisie" ma:displayName="Division" ma:default="2;#Toezicht Verzekeraars|ce62d30e-8253-404d-8999-47fc7e33d04f" ma:fieldId="{f416c62b-8084-a692-4c1c-aabc0cb60db6}" ma:sspId="b8135cd8-dd77-44d6-bdcc-adbf336672a2" ma:termSetId="f1bb8585-b79d-427a-822a-3c18649c7534" ma:anchorId="00000000-0000-0000-0000-000000000000" ma:open="true" ma:isKeyword="false">
      <xsd:complexType>
        <xsd:sequence>
          <xsd:element ref="pc:Terms" minOccurs="0" maxOccurs="1"/>
        </xsd:sequence>
      </xsd:complexType>
    </xsd:element>
    <xsd:element name="SharedWithUsers" ma:index="35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36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c606f42-34b8-45ac-8568-b0a119c4b2d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33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34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37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38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{"type":"shape","elementConfiguration":{"binding":"{{FormatDateTime(Form.Datum, \"d MMMM yyyy\", \"nl-NL\")}}","visibility":"","type":"text","disableUpdates":false}},{"type":"shape","elementConfiguration":{"binding":"{{Form.NaamPresentatorEnOfInhoudelijkverantwoordelijke}}","visibility":"","type":"text","disableUpdates":false}}],"slideId":"638423792807818998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B03C018-E96F-4B9A-981B-28B2880D507E}">
  <ds:schemaRefs/>
</ds:datastoreItem>
</file>

<file path=customXml/itemProps10.xml><?xml version="1.0" encoding="utf-8"?>
<ds:datastoreItem xmlns:ds="http://schemas.openxmlformats.org/officeDocument/2006/customXml" ds:itemID="{8F57F050-CA89-4F9D-A61C-E63790722CEE}">
  <ds:schemaRefs/>
</ds:datastoreItem>
</file>

<file path=customXml/itemProps11.xml><?xml version="1.0" encoding="utf-8"?>
<ds:datastoreItem xmlns:ds="http://schemas.openxmlformats.org/officeDocument/2006/customXml" ds:itemID="{DD6B37AE-A1F7-4D22-AC58-A6868EEC4A0D}">
  <ds:schemaRefs/>
</ds:datastoreItem>
</file>

<file path=customXml/itemProps12.xml><?xml version="1.0" encoding="utf-8"?>
<ds:datastoreItem xmlns:ds="http://schemas.openxmlformats.org/officeDocument/2006/customXml" ds:itemID="{36B620D8-D95C-4EAD-A785-D5367C4BEBAF}">
  <ds:schemaRefs/>
</ds:datastoreItem>
</file>

<file path=customXml/itemProps13.xml><?xml version="1.0" encoding="utf-8"?>
<ds:datastoreItem xmlns:ds="http://schemas.openxmlformats.org/officeDocument/2006/customXml" ds:itemID="{05F63F63-E7A8-4232-A66C-C390415A7D54}">
  <ds:schemaRefs/>
</ds:datastoreItem>
</file>

<file path=customXml/itemProps14.xml><?xml version="1.0" encoding="utf-8"?>
<ds:datastoreItem xmlns:ds="http://schemas.openxmlformats.org/officeDocument/2006/customXml" ds:itemID="{C54C333F-3E39-4DB5-8912-EEBF8850AAAA}">
  <ds:schemaRefs/>
</ds:datastoreItem>
</file>

<file path=customXml/itemProps15.xml><?xml version="1.0" encoding="utf-8"?>
<ds:datastoreItem xmlns:ds="http://schemas.openxmlformats.org/officeDocument/2006/customXml" ds:itemID="{7A2CE955-BB9F-4D75-8CBB-8ABD608F0B49}">
  <ds:schemaRefs/>
</ds:datastoreItem>
</file>

<file path=customXml/itemProps16.xml><?xml version="1.0" encoding="utf-8"?>
<ds:datastoreItem xmlns:ds="http://schemas.openxmlformats.org/officeDocument/2006/customXml" ds:itemID="{1E8AEC57-A2FB-4813-8E7C-F233B9364ABD}">
  <ds:schemaRefs/>
</ds:datastoreItem>
</file>

<file path=customXml/itemProps17.xml><?xml version="1.0" encoding="utf-8"?>
<ds:datastoreItem xmlns:ds="http://schemas.openxmlformats.org/officeDocument/2006/customXml" ds:itemID="{B1FE6337-6A98-4C1E-8587-3C680BC14092}">
  <ds:schemaRefs/>
</ds:datastoreItem>
</file>

<file path=customXml/itemProps18.xml><?xml version="1.0" encoding="utf-8"?>
<ds:datastoreItem xmlns:ds="http://schemas.openxmlformats.org/officeDocument/2006/customXml" ds:itemID="{130EB253-E362-42CD-8009-58C4CBFF760D}">
  <ds:schemaRefs/>
</ds:datastoreItem>
</file>

<file path=customXml/itemProps19.xml><?xml version="1.0" encoding="utf-8"?>
<ds:datastoreItem xmlns:ds="http://schemas.openxmlformats.org/officeDocument/2006/customXml" ds:itemID="{80F4265C-BBA1-4F23-9536-FBE34E9D938C}">
  <ds:schemaRefs/>
</ds:datastoreItem>
</file>

<file path=customXml/itemProps2.xml><?xml version="1.0" encoding="utf-8"?>
<ds:datastoreItem xmlns:ds="http://schemas.openxmlformats.org/officeDocument/2006/customXml" ds:itemID="{4E6F4849-4F91-426B-888E-12067969BD58}">
  <ds:schemaRefs/>
</ds:datastoreItem>
</file>

<file path=customXml/itemProps20.xml><?xml version="1.0" encoding="utf-8"?>
<ds:datastoreItem xmlns:ds="http://schemas.openxmlformats.org/officeDocument/2006/customXml" ds:itemID="{6FB50EAF-85F9-4BB6-AF25-CD110D2224D3}">
  <ds:schemaRefs>
    <ds:schemaRef ds:uri="http://schemas.microsoft.com/sharepoint/v3/contenttype/forms"/>
  </ds:schemaRefs>
</ds:datastoreItem>
</file>

<file path=customXml/itemProps21.xml><?xml version="1.0" encoding="utf-8"?>
<ds:datastoreItem xmlns:ds="http://schemas.openxmlformats.org/officeDocument/2006/customXml" ds:itemID="{07E65403-D850-4EA1-A512-A2C0B8199967}">
  <ds:schemaRefs/>
</ds:datastoreItem>
</file>

<file path=customXml/itemProps22.xml><?xml version="1.0" encoding="utf-8"?>
<ds:datastoreItem xmlns:ds="http://schemas.openxmlformats.org/officeDocument/2006/customXml" ds:itemID="{D690ABCA-634E-4F35-9169-173764F1315F}">
  <ds:schemaRefs/>
</ds:datastoreItem>
</file>

<file path=customXml/itemProps23.xml><?xml version="1.0" encoding="utf-8"?>
<ds:datastoreItem xmlns:ds="http://schemas.openxmlformats.org/officeDocument/2006/customXml" ds:itemID="{287970E8-A2AB-47A8-9000-859BD7855673}">
  <ds:schemaRefs/>
</ds:datastoreItem>
</file>

<file path=customXml/itemProps24.xml><?xml version="1.0" encoding="utf-8"?>
<ds:datastoreItem xmlns:ds="http://schemas.openxmlformats.org/officeDocument/2006/customXml" ds:itemID="{861EE15D-58EA-41D5-96DD-B7F931DF4856}">
  <ds:schemaRefs/>
</ds:datastoreItem>
</file>

<file path=customXml/itemProps25.xml><?xml version="1.0" encoding="utf-8"?>
<ds:datastoreItem xmlns:ds="http://schemas.openxmlformats.org/officeDocument/2006/customXml" ds:itemID="{4CB1C894-713F-44A8-B0CB-D48912859ADF}">
  <ds:schemaRefs/>
</ds:datastoreItem>
</file>

<file path=customXml/itemProps26.xml><?xml version="1.0" encoding="utf-8"?>
<ds:datastoreItem xmlns:ds="http://schemas.openxmlformats.org/officeDocument/2006/customXml" ds:itemID="{1AC8600A-2BB4-4C20-BE60-4809B3E1F6BC}">
  <ds:schemaRefs/>
</ds:datastoreItem>
</file>

<file path=customXml/itemProps3.xml><?xml version="1.0" encoding="utf-8"?>
<ds:datastoreItem xmlns:ds="http://schemas.openxmlformats.org/officeDocument/2006/customXml" ds:itemID="{E00ECDCE-5079-47E1-9724-204E3E87B425}">
  <ds:schemaRefs/>
</ds:datastoreItem>
</file>

<file path=customXml/itemProps4.xml><?xml version="1.0" encoding="utf-8"?>
<ds:datastoreItem xmlns:ds="http://schemas.openxmlformats.org/officeDocument/2006/customXml" ds:itemID="{F320FA6E-5F2D-45C9-AE36-17C3F52F3B16}">
  <ds:schemaRefs>
    <ds:schemaRef ds:uri="http://www.w3.org/XML/1998/namespace"/>
    <ds:schemaRef ds:uri="http://purl.org/dc/terms/"/>
    <ds:schemaRef ds:uri="http://schemas.dnb.nl/sharepoint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purl.org/dc/dcmitype/"/>
    <ds:schemaRef ds:uri="ac606f42-34b8-45ac-8568-b0a119c4b2d9"/>
    <ds:schemaRef ds:uri="34370f87-05a4-4102-9f70-428f781a41fa"/>
    <ds:schemaRef ds:uri="http://purl.org/dc/elements/1.1/"/>
  </ds:schemaRefs>
</ds:datastoreItem>
</file>

<file path=customXml/itemProps5.xml><?xml version="1.0" encoding="utf-8"?>
<ds:datastoreItem xmlns:ds="http://schemas.openxmlformats.org/officeDocument/2006/customXml" ds:itemID="{08544CFF-4E31-436F-A2BF-02B9F5BA8BF6}">
  <ds:schemaRefs>
    <ds:schemaRef ds:uri="http://schemas.microsoft.com/sharepoint/events"/>
  </ds:schemaRefs>
</ds:datastoreItem>
</file>

<file path=customXml/itemProps6.xml><?xml version="1.0" encoding="utf-8"?>
<ds:datastoreItem xmlns:ds="http://schemas.openxmlformats.org/officeDocument/2006/customXml" ds:itemID="{873EFE5D-4F7B-476F-B5FD-770BC67B3EB3}">
  <ds:schemaRefs>
    <ds:schemaRef ds:uri="34370f87-05a4-4102-9f70-428f781a41fa"/>
    <ds:schemaRef ds:uri="ac606f42-34b8-45ac-8568-b0a119c4b2d9"/>
    <ds:schemaRef ds:uri="http://purl.org/dc/elements/1.1/"/>
    <ds:schemaRef ds:uri="http://purl.org/dc/terms/"/>
    <ds:schemaRef ds:uri="http://schemas.dnb.nl/sharepoint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7.xml><?xml version="1.0" encoding="utf-8"?>
<ds:datastoreItem xmlns:ds="http://schemas.openxmlformats.org/officeDocument/2006/customXml" ds:itemID="{552A4CEA-2DFC-448A-B5C1-50B713F7CF51}">
  <ds:schemaRefs/>
</ds:datastoreItem>
</file>

<file path=customXml/itemProps8.xml><?xml version="1.0" encoding="utf-8"?>
<ds:datastoreItem xmlns:ds="http://schemas.openxmlformats.org/officeDocument/2006/customXml" ds:itemID="{596BD79C-479E-434C-A815-2D61F0524016}">
  <ds:schemaRefs/>
</ds:datastoreItem>
</file>

<file path=customXml/itemProps9.xml><?xml version="1.0" encoding="utf-8"?>
<ds:datastoreItem xmlns:ds="http://schemas.openxmlformats.org/officeDocument/2006/customXml" ds:itemID="{CB1E279F-2B6D-4A63-AE80-BC13A9DA26E8}">
  <ds:schemaRefs/>
</ds:datastoreItem>
</file>

<file path=docMetadata/LabelInfo.xml><?xml version="1.0" encoding="utf-8"?>
<clbl:labelList xmlns:clbl="http://schemas.microsoft.com/office/2020/mipLabelMetadata">
  <clbl:label id="{1ddf9560-f40a-4faa-b693-65e98d55b544}" enabled="1" method="Privileged" siteId="{9ecbd628-0072-405d-8567-32c6750b0d3e}" removed="0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DNB-Standaard_Presentatie</Template>
  <TotalTime>1</TotalTime>
  <Words>2172</Words>
  <Application>Microsoft Office PowerPoint</Application>
  <PresentationFormat>Diavoorstelling (16:9)</PresentationFormat>
  <Paragraphs>393</Paragraphs>
  <Slides>51</Slides>
  <Notes>35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9</vt:i4>
      </vt:variant>
      <vt:variant>
        <vt:lpstr>Thema</vt:lpstr>
      </vt:variant>
      <vt:variant>
        <vt:i4>2</vt:i4>
      </vt:variant>
      <vt:variant>
        <vt:lpstr>Diatitels</vt:lpstr>
      </vt:variant>
      <vt:variant>
        <vt:i4>51</vt:i4>
      </vt:variant>
    </vt:vector>
  </HeadingPairs>
  <TitlesOfParts>
    <vt:vector size="62" baseType="lpstr">
      <vt:lpstr>-apple-system</vt:lpstr>
      <vt:lpstr>Aptos</vt:lpstr>
      <vt:lpstr>Arial</vt:lpstr>
      <vt:lpstr>Calibri</vt:lpstr>
      <vt:lpstr>Courier New</vt:lpstr>
      <vt:lpstr>DNB-Fedra</vt:lpstr>
      <vt:lpstr>Noto Serif</vt:lpstr>
      <vt:lpstr>Verdana</vt:lpstr>
      <vt:lpstr>Wingdings</vt:lpstr>
      <vt:lpstr>De Nederlandsche Bank (2023)</vt:lpstr>
      <vt:lpstr>1_De Nederlandsche Bank (2023)</vt:lpstr>
      <vt:lpstr>PowerPoint-presentatie</vt:lpstr>
      <vt:lpstr>Programma </vt:lpstr>
      <vt:lpstr>PowerPoint-presentatie</vt:lpstr>
      <vt:lpstr>Toezicht op uw sector </vt:lpstr>
      <vt:lpstr>Vijf risicogebieden </vt:lpstr>
      <vt:lpstr>Periodieke processtappen</vt:lpstr>
      <vt:lpstr>Periodieke Beoordeling</vt:lpstr>
      <vt:lpstr>Risicoprofiel en terugkoppeling </vt:lpstr>
      <vt:lpstr>Heeft u vragen?</vt:lpstr>
      <vt:lpstr>PowerPoint-presentatie</vt:lpstr>
      <vt:lpstr>Solvency II Raamwerk</vt:lpstr>
      <vt:lpstr>Solvency II Review</vt:lpstr>
      <vt:lpstr>Triloog: belangrijke onderhandelpunten</vt:lpstr>
      <vt:lpstr>Wetgevingsniveaus</vt:lpstr>
      <vt:lpstr>Gefaseerde ontwikkeling</vt:lpstr>
      <vt:lpstr>Discussie</vt:lpstr>
      <vt:lpstr>PowerPoint-presentatie</vt:lpstr>
      <vt:lpstr>In het kort…</vt:lpstr>
      <vt:lpstr>SNCU: wat zijn de implicaties?</vt:lpstr>
      <vt:lpstr>Criteria SNCU </vt:lpstr>
      <vt:lpstr>Beoordeling criteria DNB </vt:lpstr>
      <vt:lpstr>Non SNCU’s en evenredigheidsmaategelen</vt:lpstr>
      <vt:lpstr>Takeaways </vt:lpstr>
      <vt:lpstr>Heeft u vragen?</vt:lpstr>
      <vt:lpstr>Contactgegevens </vt:lpstr>
      <vt:lpstr>PowerPoint-presentatie</vt:lpstr>
      <vt:lpstr>Waarom DORA?</vt:lpstr>
      <vt:lpstr>Voortgang implementatie DORA</vt:lpstr>
      <vt:lpstr>Opbouw van DORA</vt:lpstr>
      <vt:lpstr>Opbouw van DORA</vt:lpstr>
      <vt:lpstr>DORA en de Good Practice informatiebeveiliging</vt:lpstr>
      <vt:lpstr>PowerPoint-presentatie</vt:lpstr>
      <vt:lpstr>ICT Risk Management</vt:lpstr>
      <vt:lpstr>Voorbeeld #1</vt:lpstr>
      <vt:lpstr>Voorbeeld #2</vt:lpstr>
      <vt:lpstr>ICT Risk Management review</vt:lpstr>
      <vt:lpstr>PowerPoint-presentatie</vt:lpstr>
      <vt:lpstr>ICT Major Incidentclassificatie</vt:lpstr>
      <vt:lpstr>3 typen rapportages</vt:lpstr>
      <vt:lpstr>PowerPoint-presentatie</vt:lpstr>
      <vt:lpstr>DORA – Cyber resilience testing &amp; TLPT</vt:lpstr>
      <vt:lpstr>PowerPoint-presentatie</vt:lpstr>
      <vt:lpstr>PowerPoint-presentatie</vt:lpstr>
      <vt:lpstr>Beheersing van uitbestedingsrisico’s</vt:lpstr>
      <vt:lpstr>Informatieregister m.b.t. ICT-contracten</vt:lpstr>
      <vt:lpstr>PowerPoint-presentatie</vt:lpstr>
      <vt:lpstr>Oversight op Kritieke Derde aanbieders (CTPPs)</vt:lpstr>
      <vt:lpstr>PowerPoint-presentatie</vt:lpstr>
      <vt:lpstr>Samenvatting</vt:lpstr>
      <vt:lpstr>Heeft u vragen?</vt:lpstr>
      <vt:lpstr>Contactgegevens </vt:lpstr>
    </vt:vector>
  </TitlesOfParts>
  <Company>De Nederlandsche Ban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20240429 Presentatie Infomiddag.pptx</dc:title>
  <dc:creator>Graaf, T.C.D. van de (Tim) (TV_SZV)</dc:creator>
  <cp:lastModifiedBy>Tim Graaf, T.C.D. van de</cp:lastModifiedBy>
  <cp:revision>1</cp:revision>
  <dcterms:created xsi:type="dcterms:W3CDTF">2024-04-29T07:20:05Z</dcterms:created>
  <dcterms:modified xsi:type="dcterms:W3CDTF">2024-07-11T12:40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A9AF98CE4D646E7BAD5E0A615FBC45700B254FF2429054763AE53C57F56CB1198001CC72D5D08436F499B7A77C9B3363962</vt:lpwstr>
  </property>
  <property fmtid="{D5CDD505-2E9C-101B-9397-08002B2CF9AE}" pid="3" name="TemplafyTimeStamp">
    <vt:lpwstr>2024-02-01T10:14:40</vt:lpwstr>
  </property>
  <property fmtid="{D5CDD505-2E9C-101B-9397-08002B2CF9AE}" pid="4" name="TemplafyTenantId">
    <vt:lpwstr>dnb</vt:lpwstr>
  </property>
  <property fmtid="{D5CDD505-2E9C-101B-9397-08002B2CF9AE}" pid="5" name="TemplafyTemplateId">
    <vt:lpwstr>836000601710002206</vt:lpwstr>
  </property>
  <property fmtid="{D5CDD505-2E9C-101B-9397-08002B2CF9AE}" pid="6" name="TemplafyUserProfileId">
    <vt:lpwstr>638240632654579882</vt:lpwstr>
  </property>
  <property fmtid="{D5CDD505-2E9C-101B-9397-08002B2CF9AE}" pid="7" name="TemplafyFromBlank">
    <vt:bool>true</vt:bool>
  </property>
  <property fmtid="{D5CDD505-2E9C-101B-9397-08002B2CF9AE}" pid="8" name="DNB_Divisie">
    <vt:lpwstr>2;#Toezicht Verzekeraars|ce62d30e-8253-404d-8999-47fc7e33d04f</vt:lpwstr>
  </property>
  <property fmtid="{D5CDD505-2E9C-101B-9397-08002B2CF9AE}" pid="9" name="_dlc_DocIdItemGuid">
    <vt:lpwstr>fa7183f5-4030-42a5-94fc-9c8cbce22d85</vt:lpwstr>
  </property>
  <property fmtid="{D5CDD505-2E9C-101B-9397-08002B2CF9AE}" pid="10" name="DNB_Afdeling">
    <vt:lpwstr>1;#Schade- ＆ Zorgverzekeraars|56fb901f-f7cd-4d7e-a50f-ab356204c288</vt:lpwstr>
  </property>
  <property fmtid="{D5CDD505-2E9C-101B-9397-08002B2CF9AE}" pid="11" name="DNB_Afdelingslabel">
    <vt:lpwstr>8;#Presentaties|77d66c08-a31e-40e9-8e73-5be610b8c48d</vt:lpwstr>
  </property>
  <property fmtid="{D5CDD505-2E9C-101B-9397-08002B2CF9AE}" pid="12" name="ClassificationContentMarkingHeaderLocations">
    <vt:lpwstr>De Nederlandsche Bank (2023):4\1_De Nederlandsche Bank (2023):4</vt:lpwstr>
  </property>
  <property fmtid="{D5CDD505-2E9C-101B-9397-08002B2CF9AE}" pid="13" name="ClassificationContentMarkingHeaderText">
    <vt:lpwstr>| DNB PUBLIC |</vt:lpwstr>
  </property>
</Properties>
</file>